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_20190821\ファイル名変更\"/>
    </mc:Choice>
  </mc:AlternateContent>
  <bookViews>
    <workbookView xWindow="-15" yWindow="-15" windowWidth="20505" windowHeight="8085"/>
  </bookViews>
  <sheets>
    <sheet name="有料老人ホーム(島根）" sheetId="6" r:id="rId1"/>
  </sheets>
  <definedNames>
    <definedName name="_xlnm._FilterDatabase" localSheetId="0" hidden="1">'有料老人ホーム(島根）'!$B$5:$U$168</definedName>
    <definedName name="_xlnm.Print_Area" localSheetId="0">'有料老人ホーム(島根）'!$A$1:$T$168</definedName>
    <definedName name="_xlnm.Print_Titles" localSheetId="0">'有料老人ホーム(島根）'!$1:$5</definedName>
  </definedNames>
  <calcPr calcId="162913" fullCalcOnLoad="1"/>
</workbook>
</file>

<file path=xl/calcChain.xml><?xml version="1.0" encoding="utf-8"?>
<calcChain xmlns="http://schemas.openxmlformats.org/spreadsheetml/2006/main">
  <c r="K168" i="6" l="1"/>
  <c r="L168" i="6"/>
</calcChain>
</file>

<file path=xl/sharedStrings.xml><?xml version="1.0" encoding="utf-8"?>
<sst xmlns="http://schemas.openxmlformats.org/spreadsheetml/2006/main" count="1224" uniqueCount="751">
  <si>
    <t>定員</t>
    <rPh sb="0" eb="2">
      <t>テイイン</t>
    </rPh>
    <phoneticPr fontId="2"/>
  </si>
  <si>
    <t>入居一時金</t>
    <rPh sb="0" eb="2">
      <t>ニュウキョ</t>
    </rPh>
    <rPh sb="2" eb="5">
      <t>イチジキン</t>
    </rPh>
    <phoneticPr fontId="2"/>
  </si>
  <si>
    <t>　　　　　室　数</t>
    <rPh sb="5" eb="6">
      <t>シツ</t>
    </rPh>
    <rPh sb="7" eb="8">
      <t>スウ</t>
    </rPh>
    <phoneticPr fontId="2"/>
  </si>
  <si>
    <t>　床面積</t>
    <rPh sb="1" eb="2">
      <t>ユカ</t>
    </rPh>
    <rPh sb="2" eb="4">
      <t>メンセキ</t>
    </rPh>
    <phoneticPr fontId="2"/>
  </si>
  <si>
    <t>無</t>
    <rPh sb="0" eb="1">
      <t>ナ</t>
    </rPh>
    <phoneticPr fontId="2"/>
  </si>
  <si>
    <t>計</t>
    <rPh sb="0" eb="1">
      <t>ケイ</t>
    </rPh>
    <phoneticPr fontId="2"/>
  </si>
  <si>
    <t>月額利用料</t>
    <rPh sb="0" eb="2">
      <t>ゲツガク</t>
    </rPh>
    <rPh sb="2" eb="5">
      <t>リヨウリョウ</t>
    </rPh>
    <phoneticPr fontId="2"/>
  </si>
  <si>
    <t>施設開設　　　　年月日</t>
    <rPh sb="0" eb="2">
      <t>シセツ</t>
    </rPh>
    <rPh sb="2" eb="4">
      <t>カイセツ</t>
    </rPh>
    <rPh sb="8" eb="11">
      <t>ネンガッピ</t>
    </rPh>
    <phoneticPr fontId="2"/>
  </si>
  <si>
    <t>圏域</t>
    <rPh sb="0" eb="2">
      <t>ケンイキ</t>
    </rPh>
    <phoneticPr fontId="2"/>
  </si>
  <si>
    <t xml:space="preserve">　○介護付 </t>
    <rPh sb="2" eb="4">
      <t>カイゴ</t>
    </rPh>
    <rPh sb="4" eb="5">
      <t>ツ</t>
    </rPh>
    <phoneticPr fontId="2"/>
  </si>
  <si>
    <t xml:space="preserve">　○介護付  </t>
    <rPh sb="2" eb="4">
      <t>カイゴ</t>
    </rPh>
    <rPh sb="4" eb="5">
      <t>ツ</t>
    </rPh>
    <phoneticPr fontId="2"/>
  </si>
  <si>
    <t>15万円</t>
    <rPh sb="2" eb="4">
      <t>マンエン</t>
    </rPh>
    <phoneticPr fontId="2"/>
  </si>
  <si>
    <t>Ｎｏ</t>
    <phoneticPr fontId="2"/>
  </si>
  <si>
    <t>施設名</t>
    <rPh sb="0" eb="3">
      <t>シセツメイ</t>
    </rPh>
    <phoneticPr fontId="2"/>
  </si>
  <si>
    <t>松江</t>
    <rPh sb="0" eb="2">
      <t>マツエ</t>
    </rPh>
    <phoneticPr fontId="2"/>
  </si>
  <si>
    <t>あおぞら八重垣</t>
    <rPh sb="4" eb="6">
      <t>ヤエ</t>
    </rPh>
    <rPh sb="6" eb="7">
      <t>カキ</t>
    </rPh>
    <phoneticPr fontId="2"/>
  </si>
  <si>
    <t>○一般型特定施設入居者生活介護(H17.3.20～）　　　※H19.4月に60室を増床</t>
    <rPh sb="1" eb="4">
      <t>イッパンガタ</t>
    </rPh>
    <rPh sb="9" eb="10">
      <t>キョ</t>
    </rPh>
    <rPh sb="35" eb="36">
      <t>ガツ</t>
    </rPh>
    <rPh sb="39" eb="40">
      <t>シツ</t>
    </rPh>
    <rPh sb="41" eb="43">
      <t>ゾウショウ</t>
    </rPh>
    <phoneticPr fontId="2"/>
  </si>
  <si>
    <t>松江市佐草町１９４番地１</t>
    <rPh sb="0" eb="3">
      <t>マツエシ</t>
    </rPh>
    <rPh sb="3" eb="5">
      <t>サクサ</t>
    </rPh>
    <rPh sb="5" eb="6">
      <t>チョウ</t>
    </rPh>
    <rPh sb="9" eb="11">
      <t>バンチ</t>
    </rPh>
    <phoneticPr fontId="2"/>
  </si>
  <si>
    <t>0852-53-0810</t>
    <phoneticPr fontId="2"/>
  </si>
  <si>
    <t>○一般型特定施設入居者生活介護(H17.11.30～）　　　　※H18.3月に３室を増床</t>
    <rPh sb="1" eb="4">
      <t>イッパンガタ</t>
    </rPh>
    <rPh sb="9" eb="10">
      <t>キョ</t>
    </rPh>
    <rPh sb="37" eb="38">
      <t>ガツ</t>
    </rPh>
    <rPh sb="40" eb="41">
      <t>シツ</t>
    </rPh>
    <rPh sb="42" eb="44">
      <t>ゾウショウ</t>
    </rPh>
    <phoneticPr fontId="2"/>
  </si>
  <si>
    <t>アゼリア</t>
  </si>
  <si>
    <t>0852-60-5860</t>
    <phoneticPr fontId="2"/>
  </si>
  <si>
    <t>□住宅型　　　　　　　　　　　　　　　　(Ｈ18.11.1～）</t>
    <rPh sb="1" eb="3">
      <t>ジュウタク</t>
    </rPh>
    <rPh sb="3" eb="4">
      <t>ガタ</t>
    </rPh>
    <phoneticPr fontId="2"/>
  </si>
  <si>
    <t>　□住宅型　</t>
    <rPh sb="2" eb="4">
      <t>ジュウタク</t>
    </rPh>
    <rPh sb="4" eb="5">
      <t>ガタ</t>
    </rPh>
    <phoneticPr fontId="2"/>
  </si>
  <si>
    <t>松江市黒田町475-7</t>
    <rPh sb="0" eb="3">
      <t>マツエシ</t>
    </rPh>
    <rPh sb="3" eb="6">
      <t>クロダチョウ</t>
    </rPh>
    <phoneticPr fontId="2"/>
  </si>
  <si>
    <t>32.30㎡</t>
    <phoneticPr fontId="2"/>
  </si>
  <si>
    <t>出雲</t>
    <rPh sb="0" eb="2">
      <t>イズモ</t>
    </rPh>
    <phoneticPr fontId="2"/>
  </si>
  <si>
    <t>○一般型特定施設入居者生活介護（H12.4.1～)</t>
    <rPh sb="1" eb="4">
      <t>イッパンガタ</t>
    </rPh>
    <rPh sb="4" eb="6">
      <t>トクテイ</t>
    </rPh>
    <rPh sb="9" eb="10">
      <t>キョ</t>
    </rPh>
    <phoneticPr fontId="2"/>
  </si>
  <si>
    <t>出雲市西林木町33番地１</t>
    <rPh sb="0" eb="3">
      <t>イズモシ</t>
    </rPh>
    <rPh sb="3" eb="4">
      <t>ニシ</t>
    </rPh>
    <rPh sb="4" eb="5">
      <t>ハヤシ</t>
    </rPh>
    <rPh sb="5" eb="6">
      <t>キ</t>
    </rPh>
    <rPh sb="6" eb="7">
      <t>チョウ</t>
    </rPh>
    <rPh sb="9" eb="10">
      <t>バン</t>
    </rPh>
    <rPh sb="10" eb="11">
      <t>チ</t>
    </rPh>
    <phoneticPr fontId="2"/>
  </si>
  <si>
    <t>鳳光苑</t>
    <rPh sb="0" eb="1">
      <t>ホウオウ</t>
    </rPh>
    <rPh sb="1" eb="2">
      <t>ヒカリ</t>
    </rPh>
    <rPh sb="2" eb="3">
      <t>エン</t>
    </rPh>
    <phoneticPr fontId="2"/>
  </si>
  <si>
    <t>0853-73-7368</t>
    <phoneticPr fontId="2"/>
  </si>
  <si>
    <t>30万円</t>
    <rPh sb="2" eb="4">
      <t>マンエン</t>
    </rPh>
    <phoneticPr fontId="2"/>
  </si>
  <si>
    <t>○一般型特定施設入居者生活介護(H17.1.6～）</t>
    <rPh sb="1" eb="4">
      <t>イッパンガタ</t>
    </rPh>
    <rPh sb="9" eb="10">
      <t>キョ</t>
    </rPh>
    <phoneticPr fontId="2"/>
  </si>
  <si>
    <t>19.97㎡</t>
    <phoneticPr fontId="2"/>
  </si>
  <si>
    <t>ホーム・スイートホームきらり</t>
    <phoneticPr fontId="2"/>
  </si>
  <si>
    <t>0853-43-7005</t>
    <phoneticPr fontId="2"/>
  </si>
  <si>
    <t>出雲市湖陵町二部1192-1</t>
    <rPh sb="0" eb="3">
      <t>イズモシ</t>
    </rPh>
    <rPh sb="3" eb="6">
      <t>コリョウチョウ</t>
    </rPh>
    <rPh sb="6" eb="7">
      <t>ニ</t>
    </rPh>
    <rPh sb="7" eb="8">
      <t>ベ</t>
    </rPh>
    <phoneticPr fontId="2"/>
  </si>
  <si>
    <t>85.80㎡</t>
    <phoneticPr fontId="2"/>
  </si>
  <si>
    <t>県央</t>
    <rPh sb="0" eb="2">
      <t>ケンオウ</t>
    </rPh>
    <phoneticPr fontId="2"/>
  </si>
  <si>
    <t>300万円</t>
    <rPh sb="3" eb="5">
      <t>マンエン</t>
    </rPh>
    <phoneticPr fontId="2"/>
  </si>
  <si>
    <t>○一般型特定施設入居者生活介護(H13.11.22～）</t>
    <rPh sb="1" eb="4">
      <t>イッパンガタ</t>
    </rPh>
    <rPh sb="4" eb="6">
      <t>トクテイ</t>
    </rPh>
    <rPh sb="9" eb="10">
      <t>キョ</t>
    </rPh>
    <phoneticPr fontId="2"/>
  </si>
  <si>
    <t>邑智郡邑南町下田所1083-1</t>
    <rPh sb="0" eb="3">
      <t>オオチグン</t>
    </rPh>
    <rPh sb="3" eb="4">
      <t>ムラ</t>
    </rPh>
    <rPh sb="4" eb="5">
      <t>ナン</t>
    </rPh>
    <rPh sb="5" eb="6">
      <t>ミズホチョウ</t>
    </rPh>
    <rPh sb="6" eb="7">
      <t>シタ</t>
    </rPh>
    <rPh sb="7" eb="8">
      <t>タ</t>
    </rPh>
    <rPh sb="8" eb="9">
      <t>トコロ</t>
    </rPh>
    <phoneticPr fontId="2"/>
  </si>
  <si>
    <t>20.17㎡</t>
    <phoneticPr fontId="2"/>
  </si>
  <si>
    <t>浜田</t>
    <rPh sb="0" eb="2">
      <t>ハマダ</t>
    </rPh>
    <phoneticPr fontId="2"/>
  </si>
  <si>
    <t>さくらが丘</t>
    <rPh sb="4" eb="5">
      <t>オカ</t>
    </rPh>
    <phoneticPr fontId="2"/>
  </si>
  <si>
    <t>○一般型特定施設入居者生活介護(H16.9.24～）</t>
    <rPh sb="1" eb="4">
      <t>イッパンガタ</t>
    </rPh>
    <rPh sb="9" eb="10">
      <t>キョ</t>
    </rPh>
    <phoneticPr fontId="2"/>
  </si>
  <si>
    <t>□住宅型　　　　　　　　　　　　　　　　　(H17.4.3～）</t>
    <rPh sb="1" eb="3">
      <t>ジュウタク</t>
    </rPh>
    <rPh sb="3" eb="4">
      <t>カタ</t>
    </rPh>
    <phoneticPr fontId="2"/>
  </si>
  <si>
    <t>江津市有福温泉町546</t>
    <rPh sb="0" eb="3">
      <t>ゴウツシ</t>
    </rPh>
    <rPh sb="3" eb="5">
      <t>アリフク</t>
    </rPh>
    <rPh sb="5" eb="7">
      <t>オンセン</t>
    </rPh>
    <rPh sb="7" eb="8">
      <t>マチ</t>
    </rPh>
    <phoneticPr fontId="2"/>
  </si>
  <si>
    <t>32.24㎡</t>
    <phoneticPr fontId="2"/>
  </si>
  <si>
    <t>とびの郷ゆうなぎ</t>
    <rPh sb="3" eb="4">
      <t>サト</t>
    </rPh>
    <phoneticPr fontId="2"/>
  </si>
  <si>
    <t>浜田市治和町214-1</t>
    <rPh sb="0" eb="3">
      <t>ハマダシ</t>
    </rPh>
    <rPh sb="3" eb="4">
      <t>オサム</t>
    </rPh>
    <rPh sb="4" eb="5">
      <t>ワ</t>
    </rPh>
    <rPh sb="5" eb="6">
      <t>マチ</t>
    </rPh>
    <phoneticPr fontId="2"/>
  </si>
  <si>
    <t>益田</t>
    <rPh sb="0" eb="2">
      <t>マスダ</t>
    </rPh>
    <phoneticPr fontId="2"/>
  </si>
  <si>
    <t>○一般型特定施設入居者生活介護(H16.5.1～）　20　 □住宅型　　　　　　　　　　　　　　　　 (H18.8.1～）　  6</t>
    <rPh sb="1" eb="4">
      <t>イッパンガタ</t>
    </rPh>
    <rPh sb="4" eb="6">
      <t>トクテイ</t>
    </rPh>
    <rPh sb="6" eb="8">
      <t>シセツ</t>
    </rPh>
    <rPh sb="8" eb="10">
      <t>ニュウキョ</t>
    </rPh>
    <rPh sb="10" eb="11">
      <t>シャ</t>
    </rPh>
    <rPh sb="11" eb="13">
      <t>セイカツ</t>
    </rPh>
    <rPh sb="13" eb="15">
      <t>カイゴ</t>
    </rPh>
    <rPh sb="31" eb="33">
      <t>ジュウタク</t>
    </rPh>
    <rPh sb="33" eb="34">
      <t>ガタ</t>
    </rPh>
    <phoneticPr fontId="2"/>
  </si>
  <si>
    <t>益田市津田町1476-1</t>
    <rPh sb="0" eb="3">
      <t>マスダシ</t>
    </rPh>
    <rPh sb="3" eb="6">
      <t>ツダチョウ</t>
    </rPh>
    <phoneticPr fontId="2"/>
  </si>
  <si>
    <t>0856-31-7345</t>
    <phoneticPr fontId="2"/>
  </si>
  <si>
    <t>□住宅型　　　　　　　　　　　　　　　　(Ｈ18.10.1～）</t>
    <rPh sb="1" eb="3">
      <t>ジュウタク</t>
    </rPh>
    <rPh sb="3" eb="4">
      <t>ガタ</t>
    </rPh>
    <phoneticPr fontId="2"/>
  </si>
  <si>
    <t>益田市遠田町179-2</t>
    <rPh sb="0" eb="3">
      <t>マスダシ</t>
    </rPh>
    <rPh sb="3" eb="6">
      <t>トオダチョウ</t>
    </rPh>
    <phoneticPr fontId="2"/>
  </si>
  <si>
    <t>10.90㎡</t>
    <phoneticPr fontId="2"/>
  </si>
  <si>
    <t>所在地</t>
    <rPh sb="0" eb="3">
      <t>ショザイチ</t>
    </rPh>
    <phoneticPr fontId="2"/>
  </si>
  <si>
    <t>693-0021</t>
    <phoneticPr fontId="2"/>
  </si>
  <si>
    <t>0853-20-1411</t>
    <phoneticPr fontId="2"/>
  </si>
  <si>
    <t>もやいの家ひきみ</t>
    <rPh sb="4" eb="5">
      <t>イエ</t>
    </rPh>
    <phoneticPr fontId="2"/>
  </si>
  <si>
    <t>益田市匹見町匹見イ50-1</t>
    <rPh sb="0" eb="3">
      <t>マスダシ</t>
    </rPh>
    <rPh sb="3" eb="6">
      <t>ヒキミチョウ</t>
    </rPh>
    <rPh sb="6" eb="8">
      <t>ヒキミ</t>
    </rPh>
    <phoneticPr fontId="2"/>
  </si>
  <si>
    <t>すずかけの樹</t>
    <rPh sb="5" eb="6">
      <t>キ</t>
    </rPh>
    <phoneticPr fontId="2"/>
  </si>
  <si>
    <t>松江市上乃木10丁目2番14号</t>
    <rPh sb="0" eb="3">
      <t>マツエシ</t>
    </rPh>
    <rPh sb="3" eb="6">
      <t>アゲノギ</t>
    </rPh>
    <rPh sb="8" eb="10">
      <t>チョウメ</t>
    </rPh>
    <rPh sb="11" eb="12">
      <t>バン</t>
    </rPh>
    <rPh sb="14" eb="15">
      <t>ゴウ</t>
    </rPh>
    <phoneticPr fontId="2"/>
  </si>
  <si>
    <t>共生の家</t>
    <rPh sb="0" eb="2">
      <t>キョウセイ</t>
    </rPh>
    <rPh sb="3" eb="4">
      <t>イエ</t>
    </rPh>
    <phoneticPr fontId="2"/>
  </si>
  <si>
    <t>浜田市相生町3937</t>
    <rPh sb="0" eb="3">
      <t>ハマダシ</t>
    </rPh>
    <rPh sb="3" eb="5">
      <t>アイオイ</t>
    </rPh>
    <rPh sb="5" eb="6">
      <t>マチ</t>
    </rPh>
    <phoneticPr fontId="2"/>
  </si>
  <si>
    <t>　保証金</t>
    <rPh sb="1" eb="4">
      <t>ホショウキン</t>
    </rPh>
    <phoneticPr fontId="2"/>
  </si>
  <si>
    <t>　　(敷金）</t>
    <rPh sb="3" eb="5">
      <t>シキキン</t>
    </rPh>
    <phoneticPr fontId="2"/>
  </si>
  <si>
    <t>20万円</t>
    <rPh sb="2" eb="4">
      <t>マンエン</t>
    </rPh>
    <phoneticPr fontId="2"/>
  </si>
  <si>
    <t>設置主体</t>
    <rPh sb="0" eb="2">
      <t>セッチ</t>
    </rPh>
    <rPh sb="2" eb="4">
      <t>シュタイ</t>
    </rPh>
    <phoneticPr fontId="2"/>
  </si>
  <si>
    <t>ＦＡＸ</t>
    <phoneticPr fontId="2"/>
  </si>
  <si>
    <t>ＴＥＬ</t>
    <phoneticPr fontId="2"/>
  </si>
  <si>
    <t>　　　　　　　健康管理　等</t>
    <rPh sb="7" eb="9">
      <t>ケンコウ</t>
    </rPh>
    <rPh sb="9" eb="11">
      <t>カンリ</t>
    </rPh>
    <rPh sb="12" eb="13">
      <t>トウ</t>
    </rPh>
    <phoneticPr fontId="2"/>
  </si>
  <si>
    <t>看護師　　日中常勤</t>
    <rPh sb="0" eb="3">
      <t>カンゴシ</t>
    </rPh>
    <rPh sb="5" eb="7">
      <t>ニッチュウ</t>
    </rPh>
    <rPh sb="7" eb="9">
      <t>ジョウキン</t>
    </rPh>
    <phoneticPr fontId="2"/>
  </si>
  <si>
    <t>通院介助</t>
    <rPh sb="0" eb="2">
      <t>ツウイン</t>
    </rPh>
    <rPh sb="2" eb="4">
      <t>カイジョ</t>
    </rPh>
    <phoneticPr fontId="2"/>
  </si>
  <si>
    <t>㎡</t>
    <phoneticPr fontId="2"/>
  </si>
  <si>
    <t>○</t>
    <phoneticPr fontId="2"/>
  </si>
  <si>
    <t>○　　　　　　　　管理料　　込み</t>
    <rPh sb="9" eb="11">
      <t>カンリ</t>
    </rPh>
    <rPh sb="11" eb="12">
      <t>リョウ</t>
    </rPh>
    <rPh sb="14" eb="15">
      <t>コ</t>
    </rPh>
    <phoneticPr fontId="2"/>
  </si>
  <si>
    <t>　　　　　　島根県内の有料老人ホーム一覧表（介護付・住宅型）　</t>
    <rPh sb="6" eb="8">
      <t>シマネ</t>
    </rPh>
    <rPh sb="8" eb="10">
      <t>ケンナイ</t>
    </rPh>
    <rPh sb="11" eb="13">
      <t>ユウリョウ</t>
    </rPh>
    <rPh sb="13" eb="15">
      <t>ロウジン</t>
    </rPh>
    <rPh sb="18" eb="21">
      <t>イチランヒョウ</t>
    </rPh>
    <rPh sb="22" eb="24">
      <t>カイゴ</t>
    </rPh>
    <rPh sb="24" eb="25">
      <t>ツ</t>
    </rPh>
    <rPh sb="26" eb="28">
      <t>ジュウタク</t>
    </rPh>
    <rPh sb="28" eb="29">
      <t>ガタ</t>
    </rPh>
    <phoneticPr fontId="2"/>
  </si>
  <si>
    <t>施設の連絡先</t>
    <rPh sb="0" eb="2">
      <t>シセツ</t>
    </rPh>
    <rPh sb="3" eb="6">
      <t>レンラクサキ</t>
    </rPh>
    <phoneticPr fontId="2"/>
  </si>
  <si>
    <t>(食費・管理料　　込み）※１</t>
    <rPh sb="1" eb="3">
      <t>ショクヒ</t>
    </rPh>
    <rPh sb="4" eb="7">
      <t>カンリリョウ</t>
    </rPh>
    <rPh sb="9" eb="10">
      <t>コ</t>
    </rPh>
    <phoneticPr fontId="2"/>
  </si>
  <si>
    <t>ＴＥＬ</t>
    <phoneticPr fontId="2"/>
  </si>
  <si>
    <t>○</t>
    <phoneticPr fontId="2"/>
  </si>
  <si>
    <t>13.75㎡</t>
    <phoneticPr fontId="2"/>
  </si>
  <si>
    <t>ＦＡＸ</t>
    <phoneticPr fontId="2"/>
  </si>
  <si>
    <t>0852-20-7146</t>
    <phoneticPr fontId="2"/>
  </si>
  <si>
    <t>ＴＥＬ</t>
    <phoneticPr fontId="2"/>
  </si>
  <si>
    <t>○　　　　　　　　月2回　　　　　　迄無料</t>
    <rPh sb="9" eb="10">
      <t>ツキ</t>
    </rPh>
    <rPh sb="11" eb="12">
      <t>カイ</t>
    </rPh>
    <rPh sb="18" eb="19">
      <t>マデ</t>
    </rPh>
    <rPh sb="19" eb="21">
      <t>ムリョウ</t>
    </rPh>
    <phoneticPr fontId="2"/>
  </si>
  <si>
    <t>ＦＡＸ</t>
    <phoneticPr fontId="2"/>
  </si>
  <si>
    <t>0852-53-0820</t>
    <phoneticPr fontId="2"/>
  </si>
  <si>
    <t>ＴＥＬ</t>
    <phoneticPr fontId="2"/>
  </si>
  <si>
    <t>家族対応</t>
    <rPh sb="0" eb="2">
      <t>カゾク</t>
    </rPh>
    <rPh sb="2" eb="4">
      <t>タイオウ</t>
    </rPh>
    <phoneticPr fontId="2"/>
  </si>
  <si>
    <t>24.13～</t>
    <phoneticPr fontId="2"/>
  </si>
  <si>
    <t>ＦＡＸ</t>
    <phoneticPr fontId="2"/>
  </si>
  <si>
    <t>0852-60-5862</t>
    <phoneticPr fontId="2"/>
  </si>
  <si>
    <t>ＴＥＬ</t>
    <phoneticPr fontId="2"/>
  </si>
  <si>
    <t>0852-20-6730</t>
    <phoneticPr fontId="2"/>
  </si>
  <si>
    <t>9.00㎡</t>
    <phoneticPr fontId="2"/>
  </si>
  <si>
    <t>ＦＡＸ</t>
    <phoneticPr fontId="2"/>
  </si>
  <si>
    <t>0852-20-6861</t>
    <phoneticPr fontId="2"/>
  </si>
  <si>
    <t>サン・ファミリア松江</t>
    <rPh sb="8" eb="10">
      <t>マツエ</t>
    </rPh>
    <phoneticPr fontId="2"/>
  </si>
  <si>
    <t>ＴＥＬ</t>
    <phoneticPr fontId="2"/>
  </si>
  <si>
    <t>0852-25-6468</t>
    <phoneticPr fontId="2"/>
  </si>
  <si>
    <t>要相談</t>
    <rPh sb="0" eb="1">
      <t>ヨウ</t>
    </rPh>
    <rPh sb="1" eb="3">
      <t>ソウダン</t>
    </rPh>
    <phoneticPr fontId="2"/>
  </si>
  <si>
    <t>14.40～</t>
    <phoneticPr fontId="2"/>
  </si>
  <si>
    <t>松江市学園2-11-18</t>
    <rPh sb="0" eb="2">
      <t>マツエ</t>
    </rPh>
    <rPh sb="2" eb="3">
      <t>シ</t>
    </rPh>
    <rPh sb="3" eb="5">
      <t>ガクエン</t>
    </rPh>
    <phoneticPr fontId="2"/>
  </si>
  <si>
    <t>ＦＡＸ</t>
    <phoneticPr fontId="2"/>
  </si>
  <si>
    <t>0852-61-4077</t>
    <phoneticPr fontId="2"/>
  </si>
  <si>
    <t>18.00㎡</t>
    <phoneticPr fontId="2"/>
  </si>
  <si>
    <t>｢湯の里　湖畔の家」</t>
    <rPh sb="1" eb="2">
      <t>ユ</t>
    </rPh>
    <rPh sb="3" eb="4">
      <t>サト</t>
    </rPh>
    <rPh sb="5" eb="7">
      <t>コハン</t>
    </rPh>
    <rPh sb="8" eb="9">
      <t>イエ</t>
    </rPh>
    <phoneticPr fontId="2"/>
  </si>
  <si>
    <t>ＴＥＬ</t>
    <phoneticPr fontId="2"/>
  </si>
  <si>
    <t>0852-62-8181</t>
    <phoneticPr fontId="2"/>
  </si>
  <si>
    <t>　10.25～</t>
    <phoneticPr fontId="2"/>
  </si>
  <si>
    <t>松江市玉湯町湯町334番地39</t>
    <rPh sb="0" eb="3">
      <t>マツエシ</t>
    </rPh>
    <rPh sb="3" eb="6">
      <t>タマユチョウ</t>
    </rPh>
    <rPh sb="6" eb="8">
      <t>ユマチ</t>
    </rPh>
    <rPh sb="11" eb="13">
      <t>バンチ</t>
    </rPh>
    <phoneticPr fontId="2"/>
  </si>
  <si>
    <t>ＦＡＸ</t>
    <phoneticPr fontId="2"/>
  </si>
  <si>
    <t>12.67㎡</t>
    <phoneticPr fontId="2"/>
  </si>
  <si>
    <t>有料老人ホームいこいの郷</t>
    <rPh sb="0" eb="2">
      <t>ユウリョウ</t>
    </rPh>
    <rPh sb="2" eb="4">
      <t>ロウジン</t>
    </rPh>
    <rPh sb="11" eb="12">
      <t>サト</t>
    </rPh>
    <phoneticPr fontId="2"/>
  </si>
  <si>
    <t>ＴＥＬ</t>
    <phoneticPr fontId="2"/>
  </si>
  <si>
    <t>0853-21-6363</t>
    <phoneticPr fontId="2"/>
  </si>
  <si>
    <t>　6.50～</t>
    <phoneticPr fontId="2"/>
  </si>
  <si>
    <t>ＦＡＸ</t>
    <phoneticPr fontId="2"/>
  </si>
  <si>
    <t>0853-21-6353</t>
    <phoneticPr fontId="2"/>
  </si>
  <si>
    <t>15.81㎡</t>
    <phoneticPr fontId="2"/>
  </si>
  <si>
    <t>ゆうらいふ長浜</t>
    <rPh sb="5" eb="7">
      <t>ナガハマ</t>
    </rPh>
    <phoneticPr fontId="2"/>
  </si>
  <si>
    <t>0853-28-0345</t>
    <phoneticPr fontId="2"/>
  </si>
  <si>
    <t>○</t>
    <phoneticPr fontId="2"/>
  </si>
  <si>
    <r>
      <t>○　　　　　　　　</t>
    </r>
    <r>
      <rPr>
        <sz val="8"/>
        <rFont val="ＭＳ Ｐゴシック"/>
        <family val="3"/>
        <charset val="128"/>
      </rPr>
      <t>管理料込み(協力病院）</t>
    </r>
    <rPh sb="9" eb="11">
      <t>カンリ</t>
    </rPh>
    <rPh sb="11" eb="12">
      <t>リョウ</t>
    </rPh>
    <rPh sb="12" eb="13">
      <t>コ</t>
    </rPh>
    <rPh sb="15" eb="17">
      <t>キョウリョク</t>
    </rPh>
    <rPh sb="17" eb="19">
      <t>ビョウイン</t>
    </rPh>
    <phoneticPr fontId="2"/>
  </si>
  <si>
    <t>14.40～</t>
    <phoneticPr fontId="2"/>
  </si>
  <si>
    <t>出雲市荒茅町3501番地</t>
    <rPh sb="0" eb="3">
      <t>イズモシ</t>
    </rPh>
    <rPh sb="3" eb="5">
      <t>アラカヤ</t>
    </rPh>
    <rPh sb="5" eb="6">
      <t>マチ</t>
    </rPh>
    <rPh sb="10" eb="12">
      <t>バンチ</t>
    </rPh>
    <phoneticPr fontId="2"/>
  </si>
  <si>
    <t>ＦＡＸ</t>
    <phoneticPr fontId="2"/>
  </si>
  <si>
    <t>0853-28-0339</t>
    <phoneticPr fontId="2"/>
  </si>
  <si>
    <t>16.00㎡</t>
    <phoneticPr fontId="2"/>
  </si>
  <si>
    <t>18.16～</t>
    <phoneticPr fontId="2"/>
  </si>
  <si>
    <t>0853-73-7367</t>
    <phoneticPr fontId="2"/>
  </si>
  <si>
    <t>ＴＥＬ</t>
    <phoneticPr fontId="2"/>
  </si>
  <si>
    <t>○　　　　　　　　　有料</t>
    <rPh sb="10" eb="12">
      <t>ユウリョウ</t>
    </rPh>
    <phoneticPr fontId="2"/>
  </si>
  <si>
    <t>0853-43-7006</t>
    <phoneticPr fontId="2"/>
  </si>
  <si>
    <t>0853-23-8810</t>
    <phoneticPr fontId="2"/>
  </si>
  <si>
    <t>ＴＥＬ</t>
    <phoneticPr fontId="2"/>
  </si>
  <si>
    <t>0855-83-2222</t>
    <phoneticPr fontId="2"/>
  </si>
  <si>
    <t>14.28～</t>
    <phoneticPr fontId="2"/>
  </si>
  <si>
    <t>ＦＡＸ</t>
    <phoneticPr fontId="2"/>
  </si>
  <si>
    <t>0855-83-2223</t>
    <phoneticPr fontId="2"/>
  </si>
  <si>
    <t>0855-92-0220</t>
    <phoneticPr fontId="2"/>
  </si>
  <si>
    <t>13.01～</t>
    <phoneticPr fontId="2"/>
  </si>
  <si>
    <t>0855-92-0840</t>
    <phoneticPr fontId="2"/>
  </si>
  <si>
    <t>18.00㎡</t>
    <phoneticPr fontId="2"/>
  </si>
  <si>
    <t>ＴＥＬ</t>
    <phoneticPr fontId="2"/>
  </si>
  <si>
    <t>0855-56-0234</t>
    <phoneticPr fontId="2"/>
  </si>
  <si>
    <t>家族対応　　　　　　　</t>
    <rPh sb="0" eb="2">
      <t>カゾク</t>
    </rPh>
    <rPh sb="2" eb="4">
      <t>タイオウ</t>
    </rPh>
    <phoneticPr fontId="2"/>
  </si>
  <si>
    <t>13.77～</t>
    <phoneticPr fontId="2"/>
  </si>
  <si>
    <t>ＦＡＸ</t>
    <phoneticPr fontId="2"/>
  </si>
  <si>
    <t>0855-56-0235</t>
    <phoneticPr fontId="2"/>
  </si>
  <si>
    <t>ＴＥＬ</t>
    <phoneticPr fontId="2"/>
  </si>
  <si>
    <t>0855-27-4882</t>
    <phoneticPr fontId="2"/>
  </si>
  <si>
    <t>11.61～</t>
    <phoneticPr fontId="2"/>
  </si>
  <si>
    <t>ＦＡＸ</t>
    <phoneticPr fontId="2"/>
  </si>
  <si>
    <t>0855-27-4883</t>
    <phoneticPr fontId="2"/>
  </si>
  <si>
    <t>14.10㎡</t>
    <phoneticPr fontId="2"/>
  </si>
  <si>
    <t>ＴＥＬ</t>
    <phoneticPr fontId="2"/>
  </si>
  <si>
    <t>0855-22-3030</t>
    <phoneticPr fontId="2"/>
  </si>
  <si>
    <t>ＦＡＸ</t>
    <phoneticPr fontId="2"/>
  </si>
  <si>
    <t>0855-22-4526</t>
    <phoneticPr fontId="2"/>
  </si>
  <si>
    <t>697-1122</t>
    <phoneticPr fontId="2"/>
  </si>
  <si>
    <t>0855-48-2511</t>
    <phoneticPr fontId="2"/>
  </si>
  <si>
    <t>浜田市</t>
    <rPh sb="0" eb="3">
      <t>ハマダシ</t>
    </rPh>
    <phoneticPr fontId="2"/>
  </si>
  <si>
    <t>16.00㎡</t>
    <phoneticPr fontId="2"/>
  </si>
  <si>
    <t>0855-48-2220</t>
    <phoneticPr fontId="2"/>
  </si>
  <si>
    <t>浜田市あさひやすらぎの家</t>
    <rPh sb="0" eb="3">
      <t>ハマダシ</t>
    </rPh>
    <rPh sb="11" eb="12">
      <t>イエ</t>
    </rPh>
    <phoneticPr fontId="2"/>
  </si>
  <si>
    <t>697-0422</t>
    <phoneticPr fontId="2"/>
  </si>
  <si>
    <t>浜田市旭町本郷362番地23</t>
    <rPh sb="0" eb="3">
      <t>ハマダシ</t>
    </rPh>
    <rPh sb="3" eb="5">
      <t>アサヒマチ</t>
    </rPh>
    <rPh sb="5" eb="7">
      <t>ホンゴウ</t>
    </rPh>
    <rPh sb="10" eb="12">
      <t>バンチ</t>
    </rPh>
    <phoneticPr fontId="2"/>
  </si>
  <si>
    <t>ＦＡＸ</t>
    <phoneticPr fontId="2"/>
  </si>
  <si>
    <t>あじさい本館</t>
    <rPh sb="4" eb="6">
      <t>ホンカン</t>
    </rPh>
    <phoneticPr fontId="2"/>
  </si>
  <si>
    <t>0856-31-7272</t>
    <phoneticPr fontId="2"/>
  </si>
  <si>
    <t>13.05㎡</t>
    <phoneticPr fontId="2"/>
  </si>
  <si>
    <t>ＦＡＸ</t>
    <phoneticPr fontId="2"/>
  </si>
  <si>
    <t>0856-31-7273</t>
    <phoneticPr fontId="2"/>
  </si>
  <si>
    <t>あじさい１号館</t>
    <rPh sb="5" eb="7">
      <t>ゴウカン</t>
    </rPh>
    <phoneticPr fontId="2"/>
  </si>
  <si>
    <t>0856-31-7051</t>
    <phoneticPr fontId="2"/>
  </si>
  <si>
    <t>13.20㎡</t>
    <phoneticPr fontId="2"/>
  </si>
  <si>
    <t>益田市津田町1149-6</t>
    <rPh sb="0" eb="3">
      <t>マスダシ</t>
    </rPh>
    <rPh sb="3" eb="6">
      <t>ツダチョウ</t>
    </rPh>
    <phoneticPr fontId="2"/>
  </si>
  <si>
    <t>0856-31-7052</t>
    <phoneticPr fontId="2"/>
  </si>
  <si>
    <t>ＴＥＬ</t>
    <phoneticPr fontId="2"/>
  </si>
  <si>
    <t>10.63～</t>
    <phoneticPr fontId="2"/>
  </si>
  <si>
    <t>0856-31-7346</t>
    <phoneticPr fontId="2"/>
  </si>
  <si>
    <t>ＴＥＬ</t>
    <phoneticPr fontId="2"/>
  </si>
  <si>
    <t>13.75㎡</t>
    <phoneticPr fontId="2"/>
  </si>
  <si>
    <t>ＦＡＸ</t>
    <phoneticPr fontId="2"/>
  </si>
  <si>
    <t>0856-56-1515</t>
    <phoneticPr fontId="2"/>
  </si>
  <si>
    <t>690-0035</t>
    <phoneticPr fontId="2"/>
  </si>
  <si>
    <t>699-0110</t>
    <phoneticPr fontId="2"/>
  </si>
  <si>
    <t>690-0876</t>
    <phoneticPr fontId="2"/>
  </si>
  <si>
    <t>690-0825</t>
    <phoneticPr fontId="2"/>
  </si>
  <si>
    <t>699-0202</t>
    <phoneticPr fontId="2"/>
  </si>
  <si>
    <t>693-0073</t>
    <phoneticPr fontId="2"/>
  </si>
  <si>
    <t>693-0044</t>
    <phoneticPr fontId="2"/>
  </si>
  <si>
    <t>699-0505</t>
    <phoneticPr fontId="2"/>
  </si>
  <si>
    <t>699-0812</t>
    <phoneticPr fontId="2"/>
  </si>
  <si>
    <t>693-0004</t>
    <phoneticPr fontId="2"/>
  </si>
  <si>
    <t>696-0222</t>
    <phoneticPr fontId="2"/>
  </si>
  <si>
    <t>699-4225</t>
    <phoneticPr fontId="2"/>
  </si>
  <si>
    <t>695-0156</t>
    <phoneticPr fontId="2"/>
  </si>
  <si>
    <t>697-1326</t>
    <phoneticPr fontId="2"/>
  </si>
  <si>
    <t>697-0034</t>
    <phoneticPr fontId="2"/>
  </si>
  <si>
    <t>699-3671</t>
    <phoneticPr fontId="2"/>
  </si>
  <si>
    <t>699-3671</t>
    <phoneticPr fontId="2"/>
  </si>
  <si>
    <t>699-3676</t>
    <phoneticPr fontId="2"/>
  </si>
  <si>
    <t>かじかの家</t>
    <rPh sb="4" eb="5">
      <t>イエ</t>
    </rPh>
    <phoneticPr fontId="2"/>
  </si>
  <si>
    <t>692-0622</t>
    <phoneticPr fontId="2"/>
  </si>
  <si>
    <t>安来市広瀬町宇波482-21</t>
    <rPh sb="0" eb="2">
      <t>ヤスギ</t>
    </rPh>
    <rPh sb="2" eb="3">
      <t>シ</t>
    </rPh>
    <rPh sb="3" eb="6">
      <t>ヒロセチョウ</t>
    </rPh>
    <rPh sb="6" eb="7">
      <t>ウ</t>
    </rPh>
    <rPh sb="7" eb="8">
      <t>ナミ</t>
    </rPh>
    <phoneticPr fontId="2"/>
  </si>
  <si>
    <t>0854-36-9030</t>
    <phoneticPr fontId="2"/>
  </si>
  <si>
    <t>0854-36-9031</t>
    <phoneticPr fontId="2"/>
  </si>
  <si>
    <t>無</t>
    <rPh sb="0" eb="1">
      <t>ム</t>
    </rPh>
    <phoneticPr fontId="2"/>
  </si>
  <si>
    <t>大田</t>
    <rPh sb="0" eb="2">
      <t>オオダ</t>
    </rPh>
    <phoneticPr fontId="2"/>
  </si>
  <si>
    <t>15.05～</t>
    <phoneticPr fontId="2"/>
  </si>
  <si>
    <t>しろがねの里</t>
    <rPh sb="5" eb="6">
      <t>サト</t>
    </rPh>
    <phoneticPr fontId="2"/>
  </si>
  <si>
    <t>694-0064</t>
    <phoneticPr fontId="2"/>
  </si>
  <si>
    <t>大田市大田町大田ロ985-4</t>
    <rPh sb="0" eb="3">
      <t>オオダシ</t>
    </rPh>
    <rPh sb="3" eb="5">
      <t>オオダ</t>
    </rPh>
    <rPh sb="5" eb="6">
      <t>チョウ</t>
    </rPh>
    <rPh sb="6" eb="8">
      <t>オオダ</t>
    </rPh>
    <phoneticPr fontId="2"/>
  </si>
  <si>
    <t>0854-83-1887</t>
    <phoneticPr fontId="2"/>
  </si>
  <si>
    <t>699-3223</t>
    <phoneticPr fontId="2"/>
  </si>
  <si>
    <t>浜田市三隅町西河内667番地</t>
    <rPh sb="0" eb="3">
      <t>ハマダシ</t>
    </rPh>
    <rPh sb="3" eb="5">
      <t>ミスミ</t>
    </rPh>
    <rPh sb="5" eb="6">
      <t>チョウ</t>
    </rPh>
    <rPh sb="6" eb="7">
      <t>ニシ</t>
    </rPh>
    <rPh sb="7" eb="9">
      <t>カワチ</t>
    </rPh>
    <rPh sb="12" eb="14">
      <t>バンチ</t>
    </rPh>
    <phoneticPr fontId="2"/>
  </si>
  <si>
    <t>0855-32-2215</t>
    <phoneticPr fontId="2"/>
  </si>
  <si>
    <t>特定非営利活動法人</t>
    <rPh sb="0" eb="2">
      <t>トクテイ</t>
    </rPh>
    <rPh sb="2" eb="5">
      <t>ヒエイリ</t>
    </rPh>
    <rPh sb="5" eb="7">
      <t>カツドウ</t>
    </rPh>
    <rPh sb="7" eb="9">
      <t>ホウジン</t>
    </rPh>
    <phoneticPr fontId="2"/>
  </si>
  <si>
    <t>あいの会</t>
    <rPh sb="3" eb="4">
      <t>カイ</t>
    </rPh>
    <phoneticPr fontId="2"/>
  </si>
  <si>
    <t>15.4～</t>
    <phoneticPr fontId="2"/>
  </si>
  <si>
    <t>25.1㎡</t>
    <phoneticPr fontId="2"/>
  </si>
  <si>
    <t>0855-32-2773</t>
    <phoneticPr fontId="2"/>
  </si>
  <si>
    <t>085４-83-1855</t>
    <phoneticPr fontId="2"/>
  </si>
  <si>
    <t>大東ゆりさわ</t>
    <rPh sb="0" eb="2">
      <t>ダイトウ</t>
    </rPh>
    <phoneticPr fontId="2"/>
  </si>
  <si>
    <t>0854-43-8336</t>
    <phoneticPr fontId="2"/>
  </si>
  <si>
    <t>10.31㎡</t>
    <phoneticPr fontId="2"/>
  </si>
  <si>
    <t>雲南</t>
    <rPh sb="0" eb="2">
      <t>ウンナン</t>
    </rPh>
    <phoneticPr fontId="2"/>
  </si>
  <si>
    <t>錦庵</t>
    <rPh sb="0" eb="1">
      <t>ニシキ</t>
    </rPh>
    <rPh sb="1" eb="2">
      <t>アン</t>
    </rPh>
    <phoneticPr fontId="2"/>
  </si>
  <si>
    <t>13.75～</t>
    <phoneticPr fontId="2"/>
  </si>
  <si>
    <t>20.00㎡</t>
    <phoneticPr fontId="2"/>
  </si>
  <si>
    <t>雲南市大東町中湯石８２</t>
    <rPh sb="0" eb="3">
      <t>ウンナンシ</t>
    </rPh>
    <rPh sb="3" eb="5">
      <t>ダイトウ</t>
    </rPh>
    <rPh sb="5" eb="6">
      <t>マチ</t>
    </rPh>
    <rPh sb="6" eb="7">
      <t>ナカ</t>
    </rPh>
    <rPh sb="7" eb="8">
      <t>ユ</t>
    </rPh>
    <rPh sb="8" eb="9">
      <t>イシ</t>
    </rPh>
    <phoneticPr fontId="2"/>
  </si>
  <si>
    <t>699-1253</t>
    <phoneticPr fontId="2"/>
  </si>
  <si>
    <t>千本すずかけの樹</t>
    <rPh sb="0" eb="2">
      <t>センボン</t>
    </rPh>
    <rPh sb="7" eb="8">
      <t>ジュ</t>
    </rPh>
    <phoneticPr fontId="2"/>
  </si>
  <si>
    <t>松江市東忌部町183番地7号</t>
    <rPh sb="0" eb="2">
      <t>マツエ</t>
    </rPh>
    <rPh sb="2" eb="3">
      <t>シ</t>
    </rPh>
    <rPh sb="3" eb="4">
      <t>ヒガシ</t>
    </rPh>
    <rPh sb="4" eb="6">
      <t>イムベ</t>
    </rPh>
    <rPh sb="6" eb="7">
      <t>マチ</t>
    </rPh>
    <rPh sb="10" eb="12">
      <t>バンチ</t>
    </rPh>
    <rPh sb="13" eb="14">
      <t>ゴウ</t>
    </rPh>
    <phoneticPr fontId="2"/>
  </si>
  <si>
    <t>690-0036</t>
    <phoneticPr fontId="2"/>
  </si>
  <si>
    <t>8.７３～</t>
    <phoneticPr fontId="2"/>
  </si>
  <si>
    <t>0852-33-9110</t>
    <phoneticPr fontId="2"/>
  </si>
  <si>
    <t>あゆみの家</t>
    <rPh sb="4" eb="5">
      <t>イエ</t>
    </rPh>
    <phoneticPr fontId="2"/>
  </si>
  <si>
    <t>690-3207</t>
    <phoneticPr fontId="2"/>
  </si>
  <si>
    <t>飯石郡飯南町頓原１０７０</t>
    <rPh sb="0" eb="3">
      <t>イイシグン</t>
    </rPh>
    <rPh sb="3" eb="6">
      <t>イイナンチョウ</t>
    </rPh>
    <rPh sb="6" eb="8">
      <t>トンバラ</t>
    </rPh>
    <phoneticPr fontId="2"/>
  </si>
  <si>
    <t>0854-72-9373</t>
    <phoneticPr fontId="2"/>
  </si>
  <si>
    <t>0854-72-0881</t>
    <phoneticPr fontId="2"/>
  </si>
  <si>
    <t>10.5～</t>
    <phoneticPr fontId="2"/>
  </si>
  <si>
    <t>11.74㎡</t>
    <phoneticPr fontId="2"/>
  </si>
  <si>
    <t>0852-33-9111</t>
    <phoneticPr fontId="2"/>
  </si>
  <si>
    <t>ささゆり</t>
    <phoneticPr fontId="2"/>
  </si>
  <si>
    <t>694-0021</t>
    <phoneticPr fontId="2"/>
  </si>
  <si>
    <t>大田市久利町行恒18-5</t>
    <rPh sb="0" eb="3">
      <t>オオダシ</t>
    </rPh>
    <rPh sb="3" eb="5">
      <t>クリ</t>
    </rPh>
    <rPh sb="5" eb="6">
      <t>マチ</t>
    </rPh>
    <rPh sb="6" eb="7">
      <t>ユ</t>
    </rPh>
    <rPh sb="7" eb="8">
      <t>コウ</t>
    </rPh>
    <phoneticPr fontId="2"/>
  </si>
  <si>
    <t>0854-82-5353</t>
    <phoneticPr fontId="2"/>
  </si>
  <si>
    <t>0854-82-5354</t>
    <phoneticPr fontId="2"/>
  </si>
  <si>
    <t>123,000～</t>
    <phoneticPr fontId="2"/>
  </si>
  <si>
    <t>10.74～</t>
    <phoneticPr fontId="2"/>
  </si>
  <si>
    <t>14.13㎡</t>
    <phoneticPr fontId="2"/>
  </si>
  <si>
    <t>太陽の里</t>
    <rPh sb="0" eb="2">
      <t>タイヨウ</t>
    </rPh>
    <rPh sb="3" eb="4">
      <t>サト</t>
    </rPh>
    <phoneticPr fontId="2"/>
  </si>
  <si>
    <t>合名会社　太陽の里</t>
    <rPh sb="0" eb="2">
      <t>ゴウメイ</t>
    </rPh>
    <rPh sb="2" eb="4">
      <t>カイシャ</t>
    </rPh>
    <rPh sb="5" eb="7">
      <t>タイヨウ</t>
    </rPh>
    <rPh sb="8" eb="9">
      <t>サト</t>
    </rPh>
    <phoneticPr fontId="2"/>
  </si>
  <si>
    <t>25.25㎡</t>
    <phoneticPr fontId="2"/>
  </si>
  <si>
    <t>玉湯すずかけの樹</t>
    <rPh sb="0" eb="2">
      <t>タマユ</t>
    </rPh>
    <rPh sb="7" eb="8">
      <t>ジュ</t>
    </rPh>
    <phoneticPr fontId="2"/>
  </si>
  <si>
    <t>松江市佐草町73-1</t>
    <rPh sb="0" eb="3">
      <t>マツエシ</t>
    </rPh>
    <rPh sb="3" eb="5">
      <t>サクサ</t>
    </rPh>
    <rPh sb="5" eb="6">
      <t>チョウ</t>
    </rPh>
    <phoneticPr fontId="2"/>
  </si>
  <si>
    <t>松江市玉湯町湯町1186番地1</t>
    <rPh sb="0" eb="3">
      <t>マツエシ</t>
    </rPh>
    <rPh sb="3" eb="6">
      <t>タマユチョウ</t>
    </rPh>
    <rPh sb="6" eb="8">
      <t>ユマチ</t>
    </rPh>
    <rPh sb="12" eb="14">
      <t>バンチ</t>
    </rPh>
    <phoneticPr fontId="2"/>
  </si>
  <si>
    <t>7.5㎡</t>
    <phoneticPr fontId="2"/>
  </si>
  <si>
    <t>0852-21-0897</t>
    <phoneticPr fontId="2"/>
  </si>
  <si>
    <t>0852-21-0815</t>
    <phoneticPr fontId="2"/>
  </si>
  <si>
    <t>シニアコート上乃木</t>
    <rPh sb="6" eb="9">
      <t>アゲノギ</t>
    </rPh>
    <phoneticPr fontId="2"/>
  </si>
  <si>
    <t>690-0015</t>
    <phoneticPr fontId="2"/>
  </si>
  <si>
    <t>ＴＥＬ</t>
    <phoneticPr fontId="2"/>
  </si>
  <si>
    <t>0852-33-7523</t>
    <phoneticPr fontId="2"/>
  </si>
  <si>
    <t>（医）峻和会</t>
    <rPh sb="1" eb="2">
      <t>イ</t>
    </rPh>
    <rPh sb="3" eb="4">
      <t>シュン</t>
    </rPh>
    <rPh sb="4" eb="5">
      <t>ワ</t>
    </rPh>
    <rPh sb="5" eb="6">
      <t>カイ</t>
    </rPh>
    <phoneticPr fontId="2"/>
  </si>
  <si>
    <t>29.7万円</t>
    <rPh sb="4" eb="6">
      <t>マンエン</t>
    </rPh>
    <phoneticPr fontId="2"/>
  </si>
  <si>
    <t>○
有料</t>
    <rPh sb="2" eb="4">
      <t>ユウリョウ</t>
    </rPh>
    <phoneticPr fontId="2"/>
  </si>
  <si>
    <t>松江市上乃木3丁目11番10号</t>
    <rPh sb="0" eb="2">
      <t>マツエ</t>
    </rPh>
    <rPh sb="2" eb="3">
      <t>シ</t>
    </rPh>
    <rPh sb="3" eb="6">
      <t>アゲノギ</t>
    </rPh>
    <rPh sb="7" eb="9">
      <t>チョウメ</t>
    </rPh>
    <rPh sb="11" eb="12">
      <t>バン</t>
    </rPh>
    <rPh sb="14" eb="15">
      <t>ゴウ</t>
    </rPh>
    <phoneticPr fontId="2"/>
  </si>
  <si>
    <t>0852-32-0133</t>
    <phoneticPr fontId="2"/>
  </si>
  <si>
    <t>～46.8万円</t>
    <rPh sb="5" eb="7">
      <t>マンエン</t>
    </rPh>
    <phoneticPr fontId="2"/>
  </si>
  <si>
    <t>ふらここ</t>
    <phoneticPr fontId="2"/>
  </si>
  <si>
    <t>690-0035</t>
    <phoneticPr fontId="2"/>
  </si>
  <si>
    <t>松江保健生活協同組合</t>
    <rPh sb="0" eb="2">
      <t>マツエ</t>
    </rPh>
    <rPh sb="2" eb="4">
      <t>ホケン</t>
    </rPh>
    <rPh sb="4" eb="6">
      <t>セイカツ</t>
    </rPh>
    <rPh sb="6" eb="8">
      <t>キョウドウ</t>
    </rPh>
    <rPh sb="8" eb="10">
      <t>クミアイ</t>
    </rPh>
    <phoneticPr fontId="2"/>
  </si>
  <si>
    <t>23.10～</t>
    <phoneticPr fontId="2"/>
  </si>
  <si>
    <t>松江市佐草町字尾尻前458-1</t>
    <rPh sb="0" eb="2">
      <t>マツエ</t>
    </rPh>
    <rPh sb="2" eb="3">
      <t>シ</t>
    </rPh>
    <rPh sb="3" eb="6">
      <t>サクサチョウ</t>
    </rPh>
    <rPh sb="6" eb="7">
      <t>アザ</t>
    </rPh>
    <rPh sb="7" eb="9">
      <t>オジリ</t>
    </rPh>
    <rPh sb="9" eb="10">
      <t>ゼン</t>
    </rPh>
    <phoneticPr fontId="2"/>
  </si>
  <si>
    <t>34.65㎡</t>
    <phoneticPr fontId="2"/>
  </si>
  <si>
    <t>9.00㎡</t>
    <phoneticPr fontId="2"/>
  </si>
  <si>
    <t>13.37～</t>
    <phoneticPr fontId="2"/>
  </si>
  <si>
    <t>30.60㎡</t>
    <phoneticPr fontId="2"/>
  </si>
  <si>
    <t>さくらんぼ</t>
    <phoneticPr fontId="2"/>
  </si>
  <si>
    <t>0854-75-0346</t>
    <phoneticPr fontId="2"/>
  </si>
  <si>
    <t>0854-75-0456</t>
    <phoneticPr fontId="2"/>
  </si>
  <si>
    <t>社会福祉法人よしだ福祉会</t>
    <rPh sb="0" eb="2">
      <t>シャカイ</t>
    </rPh>
    <rPh sb="2" eb="4">
      <t>フクシ</t>
    </rPh>
    <rPh sb="4" eb="6">
      <t>ホウジン</t>
    </rPh>
    <rPh sb="9" eb="11">
      <t>フクシ</t>
    </rPh>
    <rPh sb="11" eb="12">
      <t>カイ</t>
    </rPh>
    <phoneticPr fontId="2"/>
  </si>
  <si>
    <t>35.00㎡</t>
    <phoneticPr fontId="2"/>
  </si>
  <si>
    <t>ハーモニーハウス出雲</t>
    <rPh sb="8" eb="10">
      <t>イズモ</t>
    </rPh>
    <phoneticPr fontId="2"/>
  </si>
  <si>
    <t>693-0021</t>
    <phoneticPr fontId="2"/>
  </si>
  <si>
    <t>出雲市塩冶町1174-3</t>
    <rPh sb="0" eb="3">
      <t>イズモシ</t>
    </rPh>
    <rPh sb="3" eb="6">
      <t>エンヤチョウ</t>
    </rPh>
    <phoneticPr fontId="2"/>
  </si>
  <si>
    <t>0853-20-0099</t>
    <phoneticPr fontId="2"/>
  </si>
  <si>
    <t>0853-22-2290</t>
    <phoneticPr fontId="2"/>
  </si>
  <si>
    <t>18.7㎡</t>
    <phoneticPr fontId="2"/>
  </si>
  <si>
    <t>しののめの家</t>
    <rPh sb="5" eb="6">
      <t>イエ</t>
    </rPh>
    <phoneticPr fontId="2"/>
  </si>
  <si>
    <t>692-0733</t>
    <phoneticPr fontId="2"/>
  </si>
  <si>
    <t>安来市広瀬町東比田950-1</t>
    <rPh sb="0" eb="3">
      <t>ヤスギシ</t>
    </rPh>
    <rPh sb="3" eb="6">
      <t>ヒロセチョウ</t>
    </rPh>
    <rPh sb="6" eb="7">
      <t>ヒガシ</t>
    </rPh>
    <rPh sb="7" eb="8">
      <t>クラ</t>
    </rPh>
    <rPh sb="8" eb="9">
      <t>タ</t>
    </rPh>
    <phoneticPr fontId="2"/>
  </si>
  <si>
    <t>0854-34-0533</t>
    <phoneticPr fontId="2"/>
  </si>
  <si>
    <t>0854-34-9050</t>
    <phoneticPr fontId="2"/>
  </si>
  <si>
    <t>8.86～</t>
    <phoneticPr fontId="2"/>
  </si>
  <si>
    <t>17.73㎡</t>
    <phoneticPr fontId="2"/>
  </si>
  <si>
    <t>ベストライフ松江</t>
    <rPh sb="6" eb="8">
      <t>マツエ</t>
    </rPh>
    <phoneticPr fontId="2"/>
  </si>
  <si>
    <t>690-0877</t>
    <phoneticPr fontId="2"/>
  </si>
  <si>
    <t>0852-60-1337</t>
    <phoneticPr fontId="2"/>
  </si>
  <si>
    <t>0852-60-1338</t>
    <phoneticPr fontId="2"/>
  </si>
  <si>
    <t>230万円</t>
    <rPh sb="3" eb="5">
      <t>マンエン</t>
    </rPh>
    <phoneticPr fontId="2"/>
  </si>
  <si>
    <t>18.00㎡</t>
    <phoneticPr fontId="2"/>
  </si>
  <si>
    <t>医療法人社団　水澄み会</t>
    <rPh sb="0" eb="2">
      <t>イリョウ</t>
    </rPh>
    <rPh sb="2" eb="4">
      <t>ホウジン</t>
    </rPh>
    <rPh sb="4" eb="6">
      <t>シャダン</t>
    </rPh>
    <rPh sb="7" eb="8">
      <t>ミズ</t>
    </rPh>
    <rPh sb="8" eb="9">
      <t>ス</t>
    </rPh>
    <rPh sb="10" eb="11">
      <t>カイ</t>
    </rPh>
    <phoneticPr fontId="2"/>
  </si>
  <si>
    <t>山ぼうし</t>
    <rPh sb="0" eb="1">
      <t>ヤマ</t>
    </rPh>
    <phoneticPr fontId="2"/>
  </si>
  <si>
    <t>693-0037</t>
    <phoneticPr fontId="2"/>
  </si>
  <si>
    <t>出雲市西新町1丁目2548-11</t>
    <rPh sb="0" eb="3">
      <t>イズモシ</t>
    </rPh>
    <rPh sb="3" eb="6">
      <t>ニシアラマチ</t>
    </rPh>
    <rPh sb="7" eb="9">
      <t>チョウメ</t>
    </rPh>
    <phoneticPr fontId="2"/>
  </si>
  <si>
    <t>13.72㎡</t>
    <phoneticPr fontId="2"/>
  </si>
  <si>
    <t>花みずきの家</t>
    <rPh sb="0" eb="1">
      <t>ハナ</t>
    </rPh>
    <rPh sb="5" eb="6">
      <t>イエ</t>
    </rPh>
    <phoneticPr fontId="2"/>
  </si>
  <si>
    <t>697-0052</t>
    <phoneticPr fontId="2"/>
  </si>
  <si>
    <t>浜田市港町275番地3</t>
    <rPh sb="0" eb="3">
      <t>ハマダシ</t>
    </rPh>
    <rPh sb="3" eb="5">
      <t>ミナトチョウ</t>
    </rPh>
    <rPh sb="8" eb="10">
      <t>バンチ</t>
    </rPh>
    <phoneticPr fontId="2"/>
  </si>
  <si>
    <t>合同会社　喜楽安</t>
    <rPh sb="0" eb="2">
      <t>ゴウドウ</t>
    </rPh>
    <rPh sb="2" eb="4">
      <t>ガイシャ</t>
    </rPh>
    <phoneticPr fontId="2"/>
  </si>
  <si>
    <t>グランドケアホームはまぼうふう</t>
    <phoneticPr fontId="2"/>
  </si>
  <si>
    <t>697-0004</t>
    <phoneticPr fontId="2"/>
  </si>
  <si>
    <t>浜田市久代町1-7</t>
    <rPh sb="0" eb="3">
      <t>ハマダシ</t>
    </rPh>
    <rPh sb="3" eb="5">
      <t>クシロ</t>
    </rPh>
    <rPh sb="5" eb="6">
      <t>チョウ</t>
    </rPh>
    <phoneticPr fontId="2"/>
  </si>
  <si>
    <t>0855-24-8585</t>
    <phoneticPr fontId="2"/>
  </si>
  <si>
    <t>0855-24-8586</t>
    <phoneticPr fontId="2"/>
  </si>
  <si>
    <t>15.9万円</t>
    <rPh sb="4" eb="6">
      <t>マンエン</t>
    </rPh>
    <phoneticPr fontId="2"/>
  </si>
  <si>
    <t>14.9～</t>
    <phoneticPr fontId="2"/>
  </si>
  <si>
    <t>16.1㎡</t>
    <phoneticPr fontId="2"/>
  </si>
  <si>
    <t>697-0302</t>
    <phoneticPr fontId="2"/>
  </si>
  <si>
    <t>浜田市金城町今福1473-1</t>
    <rPh sb="0" eb="3">
      <t>ハマダシ</t>
    </rPh>
    <rPh sb="3" eb="6">
      <t>キンジョウチョウ</t>
    </rPh>
    <rPh sb="6" eb="8">
      <t>イマフク</t>
    </rPh>
    <phoneticPr fontId="2"/>
  </si>
  <si>
    <t>有限会社髙村</t>
    <rPh sb="0" eb="4">
      <t>ユウゲンガイシャ</t>
    </rPh>
    <rPh sb="5" eb="6">
      <t>ムラ</t>
    </rPh>
    <phoneticPr fontId="2"/>
  </si>
  <si>
    <t>18.24㎡</t>
    <phoneticPr fontId="2"/>
  </si>
  <si>
    <t>あおぞら八重垣別館</t>
    <rPh sb="4" eb="6">
      <t>ヤエ</t>
    </rPh>
    <rPh sb="6" eb="7">
      <t>カキ</t>
    </rPh>
    <rPh sb="7" eb="9">
      <t>ベッカン</t>
    </rPh>
    <phoneticPr fontId="2"/>
  </si>
  <si>
    <t>0852-20-2611</t>
    <phoneticPr fontId="2"/>
  </si>
  <si>
    <t>0852-60-0500</t>
    <phoneticPr fontId="2"/>
  </si>
  <si>
    <t>0852-24-3110</t>
    <phoneticPr fontId="2"/>
  </si>
  <si>
    <t>15.49㎡</t>
    <phoneticPr fontId="2"/>
  </si>
  <si>
    <t>出雲すずかけの樹</t>
    <rPh sb="0" eb="2">
      <t>イズモ</t>
    </rPh>
    <rPh sb="7" eb="8">
      <t>キ</t>
    </rPh>
    <phoneticPr fontId="2"/>
  </si>
  <si>
    <t>8.10～</t>
    <phoneticPr fontId="2"/>
  </si>
  <si>
    <t>グループリビングなかのやさん家</t>
    <rPh sb="14" eb="15">
      <t>イエ</t>
    </rPh>
    <phoneticPr fontId="2"/>
  </si>
  <si>
    <t>0855-42-3201</t>
    <phoneticPr fontId="2"/>
  </si>
  <si>
    <t>0855-42-3202</t>
    <phoneticPr fontId="2"/>
  </si>
  <si>
    <t>雲南市吉田町深野84-6</t>
    <rPh sb="0" eb="2">
      <t>ウンナン</t>
    </rPh>
    <rPh sb="2" eb="3">
      <t>イチ</t>
    </rPh>
    <rPh sb="3" eb="6">
      <t>キッタチョウ</t>
    </rPh>
    <rPh sb="6" eb="8">
      <t>フコノ</t>
    </rPh>
    <phoneticPr fontId="2"/>
  </si>
  <si>
    <t>懐燕</t>
    <rPh sb="0" eb="1">
      <t>ナツ</t>
    </rPh>
    <rPh sb="1" eb="2">
      <t>ツバメ</t>
    </rPh>
    <phoneticPr fontId="2"/>
  </si>
  <si>
    <t>697-0121</t>
    <phoneticPr fontId="2"/>
  </si>
  <si>
    <t>浜田市金城町下来原973-1</t>
    <rPh sb="0" eb="3">
      <t>ハマダシ</t>
    </rPh>
    <rPh sb="3" eb="6">
      <t>キンジョウチョウ</t>
    </rPh>
    <rPh sb="6" eb="7">
      <t>シモ</t>
    </rPh>
    <rPh sb="7" eb="8">
      <t>ク</t>
    </rPh>
    <rPh sb="8" eb="9">
      <t>ハラ</t>
    </rPh>
    <phoneticPr fontId="2"/>
  </si>
  <si>
    <t>15.75㎡</t>
    <phoneticPr fontId="2"/>
  </si>
  <si>
    <t>0855-42-3188</t>
    <phoneticPr fontId="2"/>
  </si>
  <si>
    <t>0855-42-1470</t>
    <phoneticPr fontId="2"/>
  </si>
  <si>
    <t>出雲鳳光苑</t>
    <rPh sb="0" eb="2">
      <t>イズモ</t>
    </rPh>
    <rPh sb="2" eb="3">
      <t>ホウオウ</t>
    </rPh>
    <rPh sb="3" eb="4">
      <t>ヒカリ</t>
    </rPh>
    <rPh sb="4" eb="5">
      <t>エン</t>
    </rPh>
    <phoneticPr fontId="2"/>
  </si>
  <si>
    <t>出雲市塩冶町879</t>
    <rPh sb="0" eb="3">
      <t>イズモシ</t>
    </rPh>
    <rPh sb="3" eb="6">
      <t>エンヤチョウ</t>
    </rPh>
    <phoneticPr fontId="2"/>
  </si>
  <si>
    <t>0853-20-1410</t>
    <phoneticPr fontId="2"/>
  </si>
  <si>
    <t>19.5㎡</t>
    <phoneticPr fontId="2"/>
  </si>
  <si>
    <t>直江ホーム</t>
    <rPh sb="0" eb="2">
      <t>ナオエ</t>
    </rPh>
    <phoneticPr fontId="2"/>
  </si>
  <si>
    <t>699-0631</t>
    <phoneticPr fontId="2"/>
  </si>
  <si>
    <t>出雲市斐川町直江1231-1</t>
    <rPh sb="0" eb="3">
      <t>イズモシ</t>
    </rPh>
    <rPh sb="3" eb="6">
      <t>ヒカワチョウ</t>
    </rPh>
    <rPh sb="6" eb="8">
      <t>ナオエ</t>
    </rPh>
    <phoneticPr fontId="2"/>
  </si>
  <si>
    <t>0853-72-4165</t>
    <phoneticPr fontId="2"/>
  </si>
  <si>
    <t>0853-72-4167</t>
    <phoneticPr fontId="2"/>
  </si>
  <si>
    <t>12．6㎡</t>
    <phoneticPr fontId="2"/>
  </si>
  <si>
    <t>心暖</t>
    <rPh sb="0" eb="1">
      <t>ココロ</t>
    </rPh>
    <rPh sb="1" eb="2">
      <t>アタタ</t>
    </rPh>
    <phoneticPr fontId="2"/>
  </si>
  <si>
    <t>0852-62-1166</t>
    <phoneticPr fontId="2"/>
  </si>
  <si>
    <t>18.72～</t>
    <phoneticPr fontId="2"/>
  </si>
  <si>
    <t>21.06㎡</t>
    <phoneticPr fontId="2"/>
  </si>
  <si>
    <t>あっとホームゆりさわ</t>
    <phoneticPr fontId="2"/>
  </si>
  <si>
    <t>699-0406</t>
    <phoneticPr fontId="2"/>
  </si>
  <si>
    <t>10万円</t>
    <rPh sb="2" eb="4">
      <t>マンエン</t>
    </rPh>
    <phoneticPr fontId="2"/>
  </si>
  <si>
    <t>14.82～</t>
    <phoneticPr fontId="2"/>
  </si>
  <si>
    <t>18.53㎡</t>
    <phoneticPr fontId="2"/>
  </si>
  <si>
    <t>松江市玉湯町湯町190-1</t>
    <rPh sb="0" eb="2">
      <t>マツエ</t>
    </rPh>
    <rPh sb="2" eb="3">
      <t>シ</t>
    </rPh>
    <rPh sb="3" eb="6">
      <t>タマユチョウ</t>
    </rPh>
    <rPh sb="6" eb="8">
      <t>ユマチ</t>
    </rPh>
    <phoneticPr fontId="2"/>
  </si>
  <si>
    <t>出雲市斐川町上庄原上新川1634-5</t>
    <rPh sb="0" eb="3">
      <t>イズモシ</t>
    </rPh>
    <rPh sb="3" eb="6">
      <t>ヒカワチョウ</t>
    </rPh>
    <rPh sb="6" eb="7">
      <t>カミ</t>
    </rPh>
    <rPh sb="7" eb="9">
      <t>ショウバラ</t>
    </rPh>
    <rPh sb="9" eb="10">
      <t>カミ</t>
    </rPh>
    <rPh sb="10" eb="12">
      <t>シンカワ</t>
    </rPh>
    <phoneticPr fontId="2"/>
  </si>
  <si>
    <t>松江市東出雲町錦新町５-３－５</t>
    <rPh sb="0" eb="3">
      <t>マツエシ</t>
    </rPh>
    <rPh sb="3" eb="7">
      <t>ヒガシイズモチョウ</t>
    </rPh>
    <rPh sb="7" eb="8">
      <t>ニシキ</t>
    </rPh>
    <rPh sb="8" eb="10">
      <t>シンマチ</t>
    </rPh>
    <phoneticPr fontId="2"/>
  </si>
  <si>
    <t>13.25㎡</t>
    <phoneticPr fontId="2"/>
  </si>
  <si>
    <t>10.25～</t>
    <phoneticPr fontId="2"/>
  </si>
  <si>
    <t>13.4～
26.25㎡</t>
    <phoneticPr fontId="2"/>
  </si>
  <si>
    <r>
      <t>○　　　　　　　　</t>
    </r>
    <r>
      <rPr>
        <sz val="8"/>
        <rFont val="ＭＳ Ｐゴシック"/>
        <family val="3"/>
        <charset val="128"/>
      </rPr>
      <t>有料</t>
    </r>
    <rPh sb="9" eb="11">
      <t>ユウリョウ</t>
    </rPh>
    <phoneticPr fontId="2"/>
  </si>
  <si>
    <t>ぼたんの家</t>
    <rPh sb="4" eb="5">
      <t>イエ</t>
    </rPh>
    <phoneticPr fontId="2"/>
  </si>
  <si>
    <t>690-1401</t>
    <phoneticPr fontId="2"/>
  </si>
  <si>
    <t>ＴＥＬ</t>
    <phoneticPr fontId="2"/>
  </si>
  <si>
    <t>0852-76-9070</t>
    <phoneticPr fontId="2"/>
  </si>
  <si>
    <t>11.64㎡</t>
    <phoneticPr fontId="2"/>
  </si>
  <si>
    <t>松江市八束町江島1128番地53</t>
    <rPh sb="0" eb="2">
      <t>マツエ</t>
    </rPh>
    <rPh sb="2" eb="3">
      <t>シ</t>
    </rPh>
    <rPh sb="3" eb="6">
      <t>ヤツカチョウ</t>
    </rPh>
    <rPh sb="6" eb="7">
      <t>エ</t>
    </rPh>
    <rPh sb="7" eb="8">
      <t>シマ</t>
    </rPh>
    <rPh sb="12" eb="14">
      <t>バンチ</t>
    </rPh>
    <phoneticPr fontId="2"/>
  </si>
  <si>
    <t>ＦＡＸ</t>
    <phoneticPr fontId="2"/>
  </si>
  <si>
    <t>0852-76-9072</t>
    <phoneticPr fontId="2"/>
  </si>
  <si>
    <t>690-1406</t>
    <phoneticPr fontId="2"/>
  </si>
  <si>
    <t>0852-76-2588</t>
    <phoneticPr fontId="2"/>
  </si>
  <si>
    <t>○　　　　　　　　有料</t>
    <rPh sb="9" eb="11">
      <t>ユウリョウ</t>
    </rPh>
    <phoneticPr fontId="2"/>
  </si>
  <si>
    <t>9.32～</t>
    <phoneticPr fontId="2"/>
  </si>
  <si>
    <t>松江市八束町二子1178番地1</t>
    <rPh sb="0" eb="2">
      <t>マツエ</t>
    </rPh>
    <rPh sb="2" eb="3">
      <t>シ</t>
    </rPh>
    <rPh sb="3" eb="6">
      <t>ヤツカチョウ</t>
    </rPh>
    <rPh sb="6" eb="8">
      <t>フタゴ</t>
    </rPh>
    <rPh sb="12" eb="14">
      <t>バンチ</t>
    </rPh>
    <phoneticPr fontId="2"/>
  </si>
  <si>
    <t>12.31㎡</t>
    <phoneticPr fontId="2"/>
  </si>
  <si>
    <t>まほろばの郷さんさん</t>
    <rPh sb="5" eb="6">
      <t>サト</t>
    </rPh>
    <phoneticPr fontId="2"/>
  </si>
  <si>
    <t>仁多郡奥出雲町横田1010-3</t>
    <rPh sb="0" eb="3">
      <t>ニタグン</t>
    </rPh>
    <rPh sb="3" eb="6">
      <t>オクイズモ</t>
    </rPh>
    <rPh sb="6" eb="7">
      <t>マチ</t>
    </rPh>
    <rPh sb="7" eb="9">
      <t>ヨコタ</t>
    </rPh>
    <phoneticPr fontId="2"/>
  </si>
  <si>
    <t>699-1832</t>
    <phoneticPr fontId="2"/>
  </si>
  <si>
    <t>0854-52-2811</t>
    <phoneticPr fontId="2"/>
  </si>
  <si>
    <t>0854-52-2828</t>
    <phoneticPr fontId="2"/>
  </si>
  <si>
    <t>未来プロジェクト株式会社</t>
    <rPh sb="0" eb="2">
      <t>ミライ</t>
    </rPh>
    <rPh sb="8" eb="10">
      <t>カブシキ</t>
    </rPh>
    <rPh sb="10" eb="12">
      <t>カイシャ</t>
    </rPh>
    <phoneticPr fontId="2"/>
  </si>
  <si>
    <t>13.12㎡</t>
    <phoneticPr fontId="2"/>
  </si>
  <si>
    <t>693-0062</t>
    <phoneticPr fontId="2"/>
  </si>
  <si>
    <t>出雲市中野町757-3</t>
    <rPh sb="0" eb="3">
      <t>イズモシ</t>
    </rPh>
    <rPh sb="3" eb="4">
      <t>ナカ</t>
    </rPh>
    <rPh sb="4" eb="5">
      <t>ノ</t>
    </rPh>
    <rPh sb="5" eb="6">
      <t>マチ</t>
    </rPh>
    <phoneticPr fontId="2"/>
  </si>
  <si>
    <t>0853-24-7570</t>
    <phoneticPr fontId="2"/>
  </si>
  <si>
    <t>0853-24-7885</t>
    <phoneticPr fontId="2"/>
  </si>
  <si>
    <t>別途料金</t>
    <rPh sb="0" eb="2">
      <t>ベット</t>
    </rPh>
    <rPh sb="2" eb="4">
      <t>リョウキン</t>
    </rPh>
    <phoneticPr fontId="2"/>
  </si>
  <si>
    <t>18.0㎡</t>
    <phoneticPr fontId="2"/>
  </si>
  <si>
    <t>あんのんの里川跡</t>
    <rPh sb="5" eb="6">
      <t>サト</t>
    </rPh>
    <rPh sb="6" eb="7">
      <t>カワ</t>
    </rPh>
    <rPh sb="7" eb="8">
      <t>アト</t>
    </rPh>
    <phoneticPr fontId="2"/>
  </si>
  <si>
    <t>693-0013</t>
    <phoneticPr fontId="2"/>
  </si>
  <si>
    <t>出雲市荻杼町666-1</t>
    <rPh sb="0" eb="3">
      <t>イズモシ</t>
    </rPh>
    <phoneticPr fontId="2"/>
  </si>
  <si>
    <t>0853-31-4600</t>
    <phoneticPr fontId="2"/>
  </si>
  <si>
    <t>0853-31-4601</t>
    <phoneticPr fontId="2"/>
  </si>
  <si>
    <t>12.0㎡</t>
    <phoneticPr fontId="2"/>
  </si>
  <si>
    <t>693-0028</t>
    <phoneticPr fontId="2"/>
  </si>
  <si>
    <t>出雲市塩冶善行町１４番地３</t>
    <rPh sb="0" eb="3">
      <t>イズモシ</t>
    </rPh>
    <rPh sb="3" eb="5">
      <t>エンヤ</t>
    </rPh>
    <rPh sb="5" eb="7">
      <t>ゼンコウ</t>
    </rPh>
    <rPh sb="7" eb="8">
      <t>マチ</t>
    </rPh>
    <rPh sb="10" eb="12">
      <t>バンチ</t>
    </rPh>
    <phoneticPr fontId="2"/>
  </si>
  <si>
    <t>0853-27-9991</t>
    <phoneticPr fontId="2"/>
  </si>
  <si>
    <t>0853-27-9992</t>
    <phoneticPr fontId="2"/>
  </si>
  <si>
    <t>120,000～</t>
    <phoneticPr fontId="2"/>
  </si>
  <si>
    <t>○
管理料
込み</t>
    <rPh sb="2" eb="5">
      <t>カンリリョウ</t>
    </rPh>
    <rPh sb="6" eb="7">
      <t>コ</t>
    </rPh>
    <phoneticPr fontId="2"/>
  </si>
  <si>
    <t>18.8～</t>
    <phoneticPr fontId="2"/>
  </si>
  <si>
    <t>26.5㎡</t>
    <phoneticPr fontId="2"/>
  </si>
  <si>
    <t>もやいの家うのはな</t>
    <rPh sb="4" eb="5">
      <t>イエ</t>
    </rPh>
    <phoneticPr fontId="2"/>
  </si>
  <si>
    <t>0852-62-2711</t>
    <phoneticPr fontId="2"/>
  </si>
  <si>
    <t>一休庵</t>
    <rPh sb="0" eb="2">
      <t>イッキュウ</t>
    </rPh>
    <rPh sb="2" eb="3">
      <t>アン</t>
    </rPh>
    <phoneticPr fontId="2"/>
  </si>
  <si>
    <t>出雲市灘分町1064－8</t>
    <rPh sb="0" eb="3">
      <t>イズモシ</t>
    </rPh>
    <rPh sb="3" eb="6">
      <t>ナダブンチョウ</t>
    </rPh>
    <phoneticPr fontId="2"/>
  </si>
  <si>
    <t>691-0003</t>
    <phoneticPr fontId="2"/>
  </si>
  <si>
    <t>8.39～</t>
    <phoneticPr fontId="2"/>
  </si>
  <si>
    <t>10.64㎡</t>
    <phoneticPr fontId="2"/>
  </si>
  <si>
    <r>
      <t>○　　　　　　　　</t>
    </r>
    <r>
      <rPr>
        <sz val="8"/>
        <rFont val="ＭＳ Ｐゴシック"/>
        <family val="3"/>
        <charset val="128"/>
      </rPr>
      <t>管理料込み</t>
    </r>
    <r>
      <rPr>
        <sz val="7"/>
        <rFont val="ＭＳ Ｐゴシック"/>
        <family val="3"/>
        <charset val="128"/>
      </rPr>
      <t>(出雲市内）</t>
    </r>
    <rPh sb="9" eb="11">
      <t>カンリ</t>
    </rPh>
    <rPh sb="11" eb="12">
      <t>リョウ</t>
    </rPh>
    <rPh sb="12" eb="13">
      <t>コ</t>
    </rPh>
    <rPh sb="15" eb="17">
      <t>イズモ</t>
    </rPh>
    <rPh sb="17" eb="19">
      <t>シナイ</t>
    </rPh>
    <phoneticPr fontId="2"/>
  </si>
  <si>
    <t>よこたの郷</t>
    <rPh sb="4" eb="5">
      <t>サト</t>
    </rPh>
    <phoneticPr fontId="2"/>
  </si>
  <si>
    <t>699-1822</t>
    <phoneticPr fontId="2"/>
  </si>
  <si>
    <t>有限会社クオリティライフ</t>
    <rPh sb="0" eb="2">
      <t>ユウゲン</t>
    </rPh>
    <rPh sb="2" eb="4">
      <t>ガイシャ</t>
    </rPh>
    <phoneticPr fontId="2"/>
  </si>
  <si>
    <t>0854-52-0896</t>
    <phoneticPr fontId="2"/>
  </si>
  <si>
    <t>0854-52-0796</t>
    <phoneticPr fontId="2"/>
  </si>
  <si>
    <t>11.1万円</t>
    <rPh sb="4" eb="5">
      <t>マン</t>
    </rPh>
    <rPh sb="5" eb="6">
      <t>エン</t>
    </rPh>
    <phoneticPr fontId="2"/>
  </si>
  <si>
    <t>1１.96㎡</t>
    <phoneticPr fontId="2"/>
  </si>
  <si>
    <t>みずほホーム</t>
    <phoneticPr fontId="2"/>
  </si>
  <si>
    <t>691－0003</t>
    <phoneticPr fontId="2"/>
  </si>
  <si>
    <t>無</t>
    <rPh sb="0" eb="1">
      <t>ナシ</t>
    </rPh>
    <phoneticPr fontId="2"/>
  </si>
  <si>
    <t>13.0㎡</t>
    <phoneticPr fontId="2"/>
  </si>
  <si>
    <t>0853-31-4815</t>
    <phoneticPr fontId="2"/>
  </si>
  <si>
    <t>0853-63-3670</t>
    <phoneticPr fontId="2"/>
  </si>
  <si>
    <t>いらかの里</t>
    <rPh sb="4" eb="5">
      <t>サト</t>
    </rPh>
    <phoneticPr fontId="2"/>
  </si>
  <si>
    <t>松江市東出雲町揖屋116-１</t>
    <rPh sb="0" eb="3">
      <t>マツエシ</t>
    </rPh>
    <rPh sb="3" eb="7">
      <t>ヒガシイズモチョウ</t>
    </rPh>
    <rPh sb="7" eb="9">
      <t>イヤ</t>
    </rPh>
    <phoneticPr fontId="2"/>
  </si>
  <si>
    <t>699-0101</t>
    <phoneticPr fontId="2"/>
  </si>
  <si>
    <t>0852-52-7248</t>
    <phoneticPr fontId="2"/>
  </si>
  <si>
    <t>0852-52-6653</t>
    <phoneticPr fontId="2"/>
  </si>
  <si>
    <t>19.20～</t>
    <phoneticPr fontId="2"/>
  </si>
  <si>
    <t>21.60㎡</t>
    <phoneticPr fontId="2"/>
  </si>
  <si>
    <t>0852-76-9288</t>
    <phoneticPr fontId="2"/>
  </si>
  <si>
    <t>0855-23-8731</t>
    <phoneticPr fontId="2"/>
  </si>
  <si>
    <t>彩りテラス～東朝日町～</t>
    <rPh sb="0" eb="1">
      <t>イロドリ</t>
    </rPh>
    <rPh sb="6" eb="7">
      <t>ヒガシ</t>
    </rPh>
    <rPh sb="7" eb="9">
      <t>アサヒ</t>
    </rPh>
    <rPh sb="9" eb="10">
      <t>マチ</t>
    </rPh>
    <phoneticPr fontId="2"/>
  </si>
  <si>
    <t>690-0001</t>
    <phoneticPr fontId="2"/>
  </si>
  <si>
    <t>松江市東朝日町278-10</t>
    <rPh sb="0" eb="3">
      <t>マツエシ</t>
    </rPh>
    <rPh sb="3" eb="7">
      <t>ヒガシアサヒマチ</t>
    </rPh>
    <phoneticPr fontId="2"/>
  </si>
  <si>
    <t>0852-23-0388</t>
    <phoneticPr fontId="2"/>
  </si>
  <si>
    <t>0852-67-2533</t>
    <phoneticPr fontId="2"/>
  </si>
  <si>
    <t>8.06㎡</t>
    <phoneticPr fontId="2"/>
  </si>
  <si>
    <t>松江市東出雲町錦新町6-4-1</t>
    <rPh sb="0" eb="3">
      <t>マツエシ</t>
    </rPh>
    <rPh sb="3" eb="7">
      <t>ヒガシイズモチョウ</t>
    </rPh>
    <rPh sb="7" eb="8">
      <t>ニシキ</t>
    </rPh>
    <rPh sb="8" eb="10">
      <t>シンマチ</t>
    </rPh>
    <phoneticPr fontId="2"/>
  </si>
  <si>
    <t>0852-67-2544</t>
    <phoneticPr fontId="2"/>
  </si>
  <si>
    <t>0852-67-2545</t>
    <phoneticPr fontId="2"/>
  </si>
  <si>
    <t>有限会社ライブアシスト</t>
    <rPh sb="0" eb="4">
      <t>ユウゲンガイシャ</t>
    </rPh>
    <phoneticPr fontId="2"/>
  </si>
  <si>
    <t>18.00～</t>
    <phoneticPr fontId="2"/>
  </si>
  <si>
    <t>699-0110</t>
    <phoneticPr fontId="2"/>
  </si>
  <si>
    <t>株式会社あしたの木</t>
    <rPh sb="0" eb="2">
      <t>カブシキ</t>
    </rPh>
    <rPh sb="2" eb="4">
      <t>ガイシャ</t>
    </rPh>
    <rPh sb="8" eb="9">
      <t>キ</t>
    </rPh>
    <phoneticPr fontId="2"/>
  </si>
  <si>
    <t>0852-61-6511</t>
    <phoneticPr fontId="2"/>
  </si>
  <si>
    <t>0852-61-6512</t>
    <phoneticPr fontId="2"/>
  </si>
  <si>
    <t>699-0106</t>
    <phoneticPr fontId="2"/>
  </si>
  <si>
    <t>松江市東出雲町春日33-1</t>
    <rPh sb="0" eb="3">
      <t>マツエシ</t>
    </rPh>
    <rPh sb="3" eb="6">
      <t>ヒガシイズモ</t>
    </rPh>
    <rPh sb="6" eb="7">
      <t>チョウ</t>
    </rPh>
    <rPh sb="7" eb="9">
      <t>カスガ</t>
    </rPh>
    <phoneticPr fontId="2"/>
  </si>
  <si>
    <t>住宅型有料老人ホーム花穏</t>
    <rPh sb="0" eb="3">
      <t>ジュウタクガタ</t>
    </rPh>
    <rPh sb="3" eb="5">
      <t>ユウリョウ</t>
    </rPh>
    <rPh sb="5" eb="7">
      <t>ロウジン</t>
    </rPh>
    <rPh sb="10" eb="11">
      <t>ハナ</t>
    </rPh>
    <rPh sb="11" eb="12">
      <t>オダ</t>
    </rPh>
    <phoneticPr fontId="2"/>
  </si>
  <si>
    <t>27.00㎡</t>
    <phoneticPr fontId="2"/>
  </si>
  <si>
    <t>13.00㎡</t>
    <phoneticPr fontId="2"/>
  </si>
  <si>
    <t>0852-62-8191</t>
    <phoneticPr fontId="2"/>
  </si>
  <si>
    <t>0852-24-3220</t>
    <phoneticPr fontId="2"/>
  </si>
  <si>
    <t>0852-66-7767</t>
    <phoneticPr fontId="2"/>
  </si>
  <si>
    <t>0852-66-7768</t>
    <phoneticPr fontId="2"/>
  </si>
  <si>
    <t>４５万円</t>
    <rPh sb="2" eb="4">
      <t>マンエン</t>
    </rPh>
    <phoneticPr fontId="2"/>
  </si>
  <si>
    <t>690-0015</t>
    <phoneticPr fontId="2"/>
  </si>
  <si>
    <t>699-0202</t>
    <phoneticPr fontId="2"/>
  </si>
  <si>
    <t>0853-28-3666</t>
    <phoneticPr fontId="2"/>
  </si>
  <si>
    <t>690-2313</t>
    <phoneticPr fontId="2"/>
  </si>
  <si>
    <t>106,000～</t>
    <phoneticPr fontId="2"/>
  </si>
  <si>
    <t>698-1211</t>
    <phoneticPr fontId="2"/>
  </si>
  <si>
    <t>0853-23-8400</t>
    <phoneticPr fontId="2"/>
  </si>
  <si>
    <t>0853-23-8401</t>
    <phoneticPr fontId="2"/>
  </si>
  <si>
    <t>693-0044</t>
    <phoneticPr fontId="2"/>
  </si>
  <si>
    <t>0853-28-3667</t>
    <phoneticPr fontId="2"/>
  </si>
  <si>
    <t>0856-56-7077</t>
    <phoneticPr fontId="2"/>
  </si>
  <si>
    <t>690-0877</t>
    <phoneticPr fontId="2"/>
  </si>
  <si>
    <t>松江市春日町543-5</t>
    <rPh sb="0" eb="3">
      <t>マツエシ</t>
    </rPh>
    <rPh sb="3" eb="5">
      <t>カスガ</t>
    </rPh>
    <rPh sb="5" eb="6">
      <t>チョウ</t>
    </rPh>
    <phoneticPr fontId="2"/>
  </si>
  <si>
    <t>株式会社ノーブルライフ</t>
    <rPh sb="0" eb="2">
      <t>カブシキ</t>
    </rPh>
    <rPh sb="2" eb="4">
      <t>ガイシャ</t>
    </rPh>
    <phoneticPr fontId="2"/>
  </si>
  <si>
    <t>0852-28-2261</t>
    <phoneticPr fontId="2"/>
  </si>
  <si>
    <t>050-3383-3032</t>
    <phoneticPr fontId="2"/>
  </si>
  <si>
    <t>13.005㎡</t>
    <phoneticPr fontId="2"/>
  </si>
  <si>
    <t>有料老人ホーム弥生</t>
    <rPh sb="0" eb="2">
      <t>ユウリョウ</t>
    </rPh>
    <rPh sb="2" eb="4">
      <t>ロウジン</t>
    </rPh>
    <rPh sb="7" eb="9">
      <t>ヤヨイ</t>
    </rPh>
    <phoneticPr fontId="2"/>
  </si>
  <si>
    <t>138,720～</t>
    <phoneticPr fontId="2"/>
  </si>
  <si>
    <t>六連星</t>
    <rPh sb="0" eb="1">
      <t>ロク</t>
    </rPh>
    <rPh sb="1" eb="2">
      <t>レン</t>
    </rPh>
    <rPh sb="2" eb="3">
      <t>ホシ</t>
    </rPh>
    <phoneticPr fontId="2"/>
  </si>
  <si>
    <t>690-2103</t>
    <phoneticPr fontId="2"/>
  </si>
  <si>
    <t>松江市八雲町西岩坂1042</t>
    <rPh sb="0" eb="3">
      <t>マツエシ</t>
    </rPh>
    <rPh sb="3" eb="6">
      <t>ヤグモチョウ</t>
    </rPh>
    <rPh sb="6" eb="9">
      <t>ニシイワサカ</t>
    </rPh>
    <phoneticPr fontId="2"/>
  </si>
  <si>
    <t>0852-67-6393</t>
    <phoneticPr fontId="2"/>
  </si>
  <si>
    <t>0852-67-6390</t>
    <phoneticPr fontId="2"/>
  </si>
  <si>
    <t>株式会社かすみｺｰﾎﾟﾚｰｼｮﾝ</t>
    <rPh sb="0" eb="2">
      <t>カブシキ</t>
    </rPh>
    <rPh sb="2" eb="4">
      <t>ガイシャ</t>
    </rPh>
    <phoneticPr fontId="2"/>
  </si>
  <si>
    <t>9.61㎡</t>
    <phoneticPr fontId="2"/>
  </si>
  <si>
    <t>もみの木苑</t>
    <rPh sb="3" eb="4">
      <t>キ</t>
    </rPh>
    <rPh sb="4" eb="5">
      <t>エン</t>
    </rPh>
    <phoneticPr fontId="2"/>
  </si>
  <si>
    <t>699-0108</t>
    <phoneticPr fontId="2"/>
  </si>
  <si>
    <t>松江市東出雲町出雲郷771-4</t>
    <rPh sb="0" eb="3">
      <t>マツエシ</t>
    </rPh>
    <rPh sb="3" eb="6">
      <t>ヒガシイズモ</t>
    </rPh>
    <rPh sb="6" eb="7">
      <t>チョウ</t>
    </rPh>
    <rPh sb="7" eb="9">
      <t>イズモ</t>
    </rPh>
    <rPh sb="9" eb="10">
      <t>サト</t>
    </rPh>
    <phoneticPr fontId="2"/>
  </si>
  <si>
    <t>0852-67-1158</t>
    <phoneticPr fontId="2"/>
  </si>
  <si>
    <t>0852-67-1159</t>
    <phoneticPr fontId="2"/>
  </si>
  <si>
    <t>株式会社まつえ福祉会</t>
    <rPh sb="0" eb="2">
      <t>カブシキ</t>
    </rPh>
    <rPh sb="2" eb="4">
      <t>ガイシャ</t>
    </rPh>
    <rPh sb="7" eb="9">
      <t>フクシ</t>
    </rPh>
    <rPh sb="9" eb="10">
      <t>カイ</t>
    </rPh>
    <phoneticPr fontId="2"/>
  </si>
  <si>
    <t>103,500～</t>
    <phoneticPr fontId="2"/>
  </si>
  <si>
    <t>0853-25-8019</t>
    <phoneticPr fontId="2"/>
  </si>
  <si>
    <t>0853-25-8319</t>
    <phoneticPr fontId="2"/>
  </si>
  <si>
    <t>0855-45-8239</t>
    <phoneticPr fontId="2"/>
  </si>
  <si>
    <t>仁多郡奥出雲町下横田27－1</t>
    <rPh sb="0" eb="3">
      <t>ニタグン</t>
    </rPh>
    <rPh sb="3" eb="7">
      <t>オクイズモチョウ</t>
    </rPh>
    <rPh sb="7" eb="8">
      <t>シモ</t>
    </rPh>
    <rPh sb="8" eb="10">
      <t>ヨコタ</t>
    </rPh>
    <phoneticPr fontId="2"/>
  </si>
  <si>
    <t>出雲市渡橋町305-1</t>
    <rPh sb="0" eb="3">
      <t>イズモシ</t>
    </rPh>
    <rPh sb="3" eb="6">
      <t>ワタリハシチョウ</t>
    </rPh>
    <phoneticPr fontId="2"/>
  </si>
  <si>
    <t>0853-23-6678</t>
    <phoneticPr fontId="2"/>
  </si>
  <si>
    <t>0854-43-8335</t>
    <phoneticPr fontId="2"/>
  </si>
  <si>
    <t>9万円</t>
    <rPh sb="1" eb="3">
      <t>マンエン</t>
    </rPh>
    <phoneticPr fontId="2"/>
  </si>
  <si>
    <t>10.78㎡</t>
    <phoneticPr fontId="2"/>
  </si>
  <si>
    <t>0852-61-1165</t>
    <phoneticPr fontId="2"/>
  </si>
  <si>
    <t>松江市春日町543-2</t>
    <rPh sb="0" eb="3">
      <t>マツエシ</t>
    </rPh>
    <rPh sb="3" eb="6">
      <t>カスガチョウ</t>
    </rPh>
    <phoneticPr fontId="2"/>
  </si>
  <si>
    <t>690-0033</t>
    <phoneticPr fontId="2"/>
  </si>
  <si>
    <t>松江市大庭町１３９７－１</t>
    <rPh sb="0" eb="3">
      <t>マツエシ</t>
    </rPh>
    <rPh sb="3" eb="5">
      <t>オオバ</t>
    </rPh>
    <rPh sb="5" eb="6">
      <t>チョウ</t>
    </rPh>
    <phoneticPr fontId="2"/>
  </si>
  <si>
    <t>ケアセンター出雲住宅型有料老人ホーム家族の家新館</t>
    <rPh sb="6" eb="8">
      <t>イズモ</t>
    </rPh>
    <rPh sb="8" eb="10">
      <t>ジュウタク</t>
    </rPh>
    <rPh sb="10" eb="11">
      <t>ガタ</t>
    </rPh>
    <rPh sb="11" eb="13">
      <t>ユウリョウ</t>
    </rPh>
    <rPh sb="13" eb="15">
      <t>ロウジン</t>
    </rPh>
    <rPh sb="18" eb="20">
      <t>カゾク</t>
    </rPh>
    <rPh sb="21" eb="22">
      <t>イエ</t>
    </rPh>
    <rPh sb="22" eb="24">
      <t>シンカン</t>
    </rPh>
    <phoneticPr fontId="2"/>
  </si>
  <si>
    <t>施設開設年月日</t>
    <rPh sb="0" eb="2">
      <t>シセツ</t>
    </rPh>
    <rPh sb="2" eb="4">
      <t>カイセツ</t>
    </rPh>
    <rPh sb="4" eb="7">
      <t>ネンガッピ</t>
    </rPh>
    <phoneticPr fontId="2"/>
  </si>
  <si>
    <t>住所地特例適用開始日</t>
    <rPh sb="0" eb="3">
      <t>ジュウショチ</t>
    </rPh>
    <rPh sb="3" eb="5">
      <t>トクレイ</t>
    </rPh>
    <rPh sb="5" eb="7">
      <t>テキヨウ</t>
    </rPh>
    <rPh sb="7" eb="10">
      <t>カイシビ</t>
    </rPh>
    <phoneticPr fontId="2"/>
  </si>
  <si>
    <t>690-2403</t>
    <phoneticPr fontId="2"/>
  </si>
  <si>
    <t>雲南市三刀屋町下熊谷1675-2</t>
    <rPh sb="0" eb="2">
      <t>ウンナン</t>
    </rPh>
    <rPh sb="2" eb="3">
      <t>シ</t>
    </rPh>
    <rPh sb="3" eb="7">
      <t>ミトヤチョウ</t>
    </rPh>
    <rPh sb="7" eb="8">
      <t>シモ</t>
    </rPh>
    <rPh sb="8" eb="10">
      <t>クマタニ</t>
    </rPh>
    <phoneticPr fontId="2"/>
  </si>
  <si>
    <t>0854-45-5406</t>
    <phoneticPr fontId="2"/>
  </si>
  <si>
    <t>0854-45-5413</t>
    <phoneticPr fontId="2"/>
  </si>
  <si>
    <t>8.71～　　　　　　20.11㎡</t>
    <phoneticPr fontId="2"/>
  </si>
  <si>
    <t>690－0017</t>
    <phoneticPr fontId="2"/>
  </si>
  <si>
    <t>0859-33-4700</t>
    <phoneticPr fontId="2"/>
  </si>
  <si>
    <t>0859-33-4701</t>
    <phoneticPr fontId="2"/>
  </si>
  <si>
    <t>宍道の家</t>
    <rPh sb="0" eb="2">
      <t>シンジ</t>
    </rPh>
    <rPh sb="3" eb="4">
      <t>イエ</t>
    </rPh>
    <phoneticPr fontId="2"/>
  </si>
  <si>
    <t>699－0407</t>
    <phoneticPr fontId="2"/>
  </si>
  <si>
    <t>松江市宍道町伊志見603-1</t>
    <rPh sb="0" eb="3">
      <t>マツエシ</t>
    </rPh>
    <rPh sb="3" eb="6">
      <t>シンジチョウ</t>
    </rPh>
    <rPh sb="6" eb="9">
      <t>イジミ</t>
    </rPh>
    <phoneticPr fontId="2"/>
  </si>
  <si>
    <t>0852-66-7838</t>
    <phoneticPr fontId="2"/>
  </si>
  <si>
    <t>0852-66-3935</t>
    <phoneticPr fontId="2"/>
  </si>
  <si>
    <t>社会福祉法人縁むすび福祉会</t>
    <rPh sb="0" eb="2">
      <t>シャカイ</t>
    </rPh>
    <rPh sb="2" eb="4">
      <t>フクシ</t>
    </rPh>
    <rPh sb="4" eb="6">
      <t>ホウジン</t>
    </rPh>
    <rPh sb="6" eb="7">
      <t>エン</t>
    </rPh>
    <rPh sb="10" eb="12">
      <t>フクシ</t>
    </rPh>
    <rPh sb="12" eb="13">
      <t>カイ</t>
    </rPh>
    <phoneticPr fontId="2"/>
  </si>
  <si>
    <t>15.17㎡</t>
    <phoneticPr fontId="2"/>
  </si>
  <si>
    <t>住宅型有料老人ホームかがやき</t>
    <rPh sb="0" eb="3">
      <t>ジュウタクガタ</t>
    </rPh>
    <rPh sb="3" eb="5">
      <t>ユウリョウ</t>
    </rPh>
    <rPh sb="5" eb="7">
      <t>ロウジン</t>
    </rPh>
    <phoneticPr fontId="2"/>
  </si>
  <si>
    <t>0852-67-1145</t>
    <phoneticPr fontId="2"/>
  </si>
  <si>
    <t>0852-67-1146</t>
    <phoneticPr fontId="2"/>
  </si>
  <si>
    <t>株式会社ラッシュ</t>
    <rPh sb="0" eb="4">
      <t>カブシキガイシャ</t>
    </rPh>
    <phoneticPr fontId="2"/>
  </si>
  <si>
    <t>14㎡</t>
    <phoneticPr fontId="2"/>
  </si>
  <si>
    <t>690-0033</t>
    <phoneticPr fontId="2"/>
  </si>
  <si>
    <t>(指定管理者 旭福祉会）</t>
    <rPh sb="1" eb="3">
      <t>シテイ</t>
    </rPh>
    <rPh sb="3" eb="6">
      <t>カンリシャ</t>
    </rPh>
    <rPh sb="7" eb="8">
      <t>アサヒ</t>
    </rPh>
    <rPh sb="8" eb="11">
      <t>フクシカイ</t>
    </rPh>
    <phoneticPr fontId="2"/>
  </si>
  <si>
    <t>14.00㎡</t>
    <phoneticPr fontId="2"/>
  </si>
  <si>
    <t>0855-45-8231</t>
    <phoneticPr fontId="2"/>
  </si>
  <si>
    <t>おおねの島</t>
    <rPh sb="4" eb="5">
      <t>シマ</t>
    </rPh>
    <phoneticPr fontId="2"/>
  </si>
  <si>
    <t>※１　月額利用料は食費込みの１ヶ月分の料金の目安ですが、介護費は含まれない場合があります。また、別途料金がかかることもありますので、各施設へ直接お問い合わせください。</t>
    <rPh sb="3" eb="5">
      <t>ゲツガク</t>
    </rPh>
    <rPh sb="5" eb="8">
      <t>リヨウリョウ</t>
    </rPh>
    <rPh sb="9" eb="11">
      <t>ショクヒ</t>
    </rPh>
    <rPh sb="11" eb="12">
      <t>コ</t>
    </rPh>
    <rPh sb="16" eb="17">
      <t>ゲツ</t>
    </rPh>
    <rPh sb="17" eb="18">
      <t>ブン</t>
    </rPh>
    <rPh sb="19" eb="21">
      <t>リョウキン</t>
    </rPh>
    <rPh sb="22" eb="24">
      <t>メヤス</t>
    </rPh>
    <rPh sb="28" eb="31">
      <t>カイゴヒ</t>
    </rPh>
    <rPh sb="32" eb="33">
      <t>フク</t>
    </rPh>
    <rPh sb="37" eb="39">
      <t>バアイ</t>
    </rPh>
    <rPh sb="48" eb="50">
      <t>ベット</t>
    </rPh>
    <rPh sb="50" eb="52">
      <t>リョウキン</t>
    </rPh>
    <rPh sb="66" eb="69">
      <t>カクシセツ</t>
    </rPh>
    <rPh sb="70" eb="72">
      <t>チョクセツ</t>
    </rPh>
    <rPh sb="73" eb="74">
      <t>ト</t>
    </rPh>
    <rPh sb="75" eb="76">
      <t>ア</t>
    </rPh>
    <phoneticPr fontId="2"/>
  </si>
  <si>
    <t>安来</t>
    <rPh sb="0" eb="2">
      <t>ヤスギ</t>
    </rPh>
    <phoneticPr fontId="2"/>
  </si>
  <si>
    <t>住宅型有料老人ホーム villa しるし</t>
    <rPh sb="0" eb="3">
      <t>ジュウタクガタ</t>
    </rPh>
    <rPh sb="3" eb="5">
      <t>ユウリョウ</t>
    </rPh>
    <rPh sb="5" eb="7">
      <t>ロウジン</t>
    </rPh>
    <phoneticPr fontId="2"/>
  </si>
  <si>
    <t>699－0112</t>
    <phoneticPr fontId="2"/>
  </si>
  <si>
    <t>松江市東出雲町意宇東1丁目6番地3</t>
    <rPh sb="0" eb="3">
      <t>マツエシ</t>
    </rPh>
    <rPh sb="3" eb="7">
      <t>ヒガシイズモチョウ</t>
    </rPh>
    <rPh sb="7" eb="8">
      <t>イ</t>
    </rPh>
    <rPh sb="8" eb="9">
      <t>ウ</t>
    </rPh>
    <rPh sb="9" eb="10">
      <t>ヒガシ</t>
    </rPh>
    <rPh sb="11" eb="13">
      <t>チョウメ</t>
    </rPh>
    <rPh sb="14" eb="16">
      <t>バンチ</t>
    </rPh>
    <phoneticPr fontId="2"/>
  </si>
  <si>
    <t>0852-61-6300</t>
    <phoneticPr fontId="2"/>
  </si>
  <si>
    <t>0852-61-5400</t>
    <phoneticPr fontId="2"/>
  </si>
  <si>
    <t>サインポスト合同会社</t>
    <rPh sb="6" eb="8">
      <t>ゴウドウ</t>
    </rPh>
    <rPh sb="8" eb="10">
      <t>ガイシャ</t>
    </rPh>
    <phoneticPr fontId="2"/>
  </si>
  <si>
    <t>○</t>
    <phoneticPr fontId="2"/>
  </si>
  <si>
    <t>13.07～</t>
    <phoneticPr fontId="2"/>
  </si>
  <si>
    <t>19.71㎡</t>
    <phoneticPr fontId="2"/>
  </si>
  <si>
    <t>168,680～</t>
    <phoneticPr fontId="2"/>
  </si>
  <si>
    <t>137,780～</t>
    <phoneticPr fontId="2"/>
  </si>
  <si>
    <t>90,000～</t>
    <phoneticPr fontId="2"/>
  </si>
  <si>
    <t>10.5万円</t>
    <rPh sb="4" eb="5">
      <t>マン</t>
    </rPh>
    <rPh sb="5" eb="6">
      <t>エン</t>
    </rPh>
    <phoneticPr fontId="2"/>
  </si>
  <si>
    <t>96,248～</t>
    <phoneticPr fontId="2"/>
  </si>
  <si>
    <t>15.9万円</t>
    <rPh sb="4" eb="5">
      <t>マン</t>
    </rPh>
    <rPh sb="5" eb="6">
      <t>エン</t>
    </rPh>
    <phoneticPr fontId="2"/>
  </si>
  <si>
    <t>136,980～</t>
    <phoneticPr fontId="2"/>
  </si>
  <si>
    <t>130,000～</t>
    <phoneticPr fontId="2"/>
  </si>
  <si>
    <t>150,000</t>
    <phoneticPr fontId="2"/>
  </si>
  <si>
    <t>松江市宍道町佐々布2129-2</t>
    <rPh sb="0" eb="2">
      <t>マツエ</t>
    </rPh>
    <rPh sb="2" eb="3">
      <t>シ</t>
    </rPh>
    <rPh sb="3" eb="6">
      <t>シンジチョウ</t>
    </rPh>
    <rPh sb="6" eb="9">
      <t>サソウ</t>
    </rPh>
    <phoneticPr fontId="2"/>
  </si>
  <si>
    <t>90000～</t>
    <phoneticPr fontId="2"/>
  </si>
  <si>
    <t>93,800～</t>
    <phoneticPr fontId="2"/>
  </si>
  <si>
    <t>119,400～</t>
    <phoneticPr fontId="2"/>
  </si>
  <si>
    <t>株式会社ライブアシスト</t>
    <rPh sb="0" eb="4">
      <t>カブシキガイシャ</t>
    </rPh>
    <phoneticPr fontId="2"/>
  </si>
  <si>
    <t>122,000～</t>
    <phoneticPr fontId="2"/>
  </si>
  <si>
    <t>91,500～</t>
    <phoneticPr fontId="2"/>
  </si>
  <si>
    <t>110,000～</t>
    <phoneticPr fontId="2"/>
  </si>
  <si>
    <t>松江市西津田2－8-20</t>
    <rPh sb="0" eb="3">
      <t>マツエシ</t>
    </rPh>
    <rPh sb="3" eb="4">
      <t>ニシ</t>
    </rPh>
    <rPh sb="4" eb="6">
      <t>ツダ</t>
    </rPh>
    <phoneticPr fontId="2"/>
  </si>
  <si>
    <t>松江市大庭町1812-2</t>
    <rPh sb="0" eb="3">
      <t>マツエシ</t>
    </rPh>
    <rPh sb="3" eb="6">
      <t>オオバチョウ</t>
    </rPh>
    <phoneticPr fontId="2"/>
  </si>
  <si>
    <t>69,259～</t>
    <phoneticPr fontId="2"/>
  </si>
  <si>
    <t>66,723～</t>
    <phoneticPr fontId="2"/>
  </si>
  <si>
    <t>156,000～</t>
    <phoneticPr fontId="2"/>
  </si>
  <si>
    <t>88,200～</t>
    <phoneticPr fontId="2"/>
  </si>
  <si>
    <t>130,960～</t>
    <phoneticPr fontId="2"/>
  </si>
  <si>
    <t>93,200～</t>
    <phoneticPr fontId="2"/>
  </si>
  <si>
    <t>出雲市荒茅町2780-28</t>
    <rPh sb="0" eb="3">
      <t>イズモシ</t>
    </rPh>
    <rPh sb="3" eb="6">
      <t>アラカヤチョウ</t>
    </rPh>
    <phoneticPr fontId="2"/>
  </si>
  <si>
    <t>出雲市灘分町239－2</t>
    <rPh sb="0" eb="3">
      <t>イズモシ</t>
    </rPh>
    <rPh sb="3" eb="6">
      <t>ナダブンチョウ</t>
    </rPh>
    <phoneticPr fontId="2"/>
  </si>
  <si>
    <t>15万円</t>
    <rPh sb="2" eb="3">
      <t>マン</t>
    </rPh>
    <rPh sb="3" eb="4">
      <t>エン</t>
    </rPh>
    <phoneticPr fontId="2"/>
  </si>
  <si>
    <t>106,400～</t>
    <phoneticPr fontId="2"/>
  </si>
  <si>
    <t>138,000～</t>
    <phoneticPr fontId="2"/>
  </si>
  <si>
    <t>74,300～</t>
    <phoneticPr fontId="2"/>
  </si>
  <si>
    <t>143,185～241,370</t>
    <phoneticPr fontId="2"/>
  </si>
  <si>
    <t>30万円</t>
    <rPh sb="2" eb="3">
      <t>マン</t>
    </rPh>
    <rPh sb="3" eb="4">
      <t>エン</t>
    </rPh>
    <phoneticPr fontId="2"/>
  </si>
  <si>
    <t>江津市桜江町小田856-16</t>
    <rPh sb="0" eb="3">
      <t>ゴウツシ</t>
    </rPh>
    <rPh sb="3" eb="6">
      <t>サクラエチョウ</t>
    </rPh>
    <rPh sb="6" eb="8">
      <t>オダ</t>
    </rPh>
    <phoneticPr fontId="2"/>
  </si>
  <si>
    <t>152,828～</t>
    <phoneticPr fontId="2"/>
  </si>
  <si>
    <t>117,900～</t>
    <phoneticPr fontId="2"/>
  </si>
  <si>
    <t>16,000～</t>
    <phoneticPr fontId="2"/>
  </si>
  <si>
    <t>67,900～</t>
    <phoneticPr fontId="2"/>
  </si>
  <si>
    <t>90,720～</t>
    <phoneticPr fontId="2"/>
  </si>
  <si>
    <t>139,000～</t>
    <phoneticPr fontId="2"/>
  </si>
  <si>
    <t>172,724～</t>
    <phoneticPr fontId="2"/>
  </si>
  <si>
    <t>146,130～</t>
    <phoneticPr fontId="2"/>
  </si>
  <si>
    <t>87,490～</t>
    <phoneticPr fontId="2"/>
  </si>
  <si>
    <t>+水光熱費</t>
    <rPh sb="1" eb="2">
      <t>ミズ</t>
    </rPh>
    <rPh sb="2" eb="5">
      <t>コウネツヒ</t>
    </rPh>
    <phoneticPr fontId="2"/>
  </si>
  <si>
    <t>123,000</t>
    <phoneticPr fontId="2"/>
  </si>
  <si>
    <t>105,000</t>
    <phoneticPr fontId="2"/>
  </si>
  <si>
    <t>87000～</t>
    <phoneticPr fontId="2"/>
  </si>
  <si>
    <t>105,000～</t>
    <phoneticPr fontId="2"/>
  </si>
  <si>
    <t>176,400～</t>
    <phoneticPr fontId="2"/>
  </si>
  <si>
    <t>サンガーデン輝らら☆</t>
    <rPh sb="6" eb="7">
      <t>カガヤ</t>
    </rPh>
    <phoneticPr fontId="2"/>
  </si>
  <si>
    <t>介護付き有料老人ホームサンガーデン輝らら☆</t>
    <rPh sb="0" eb="2">
      <t>カイゴ</t>
    </rPh>
    <rPh sb="2" eb="3">
      <t>ツ</t>
    </rPh>
    <rPh sb="4" eb="6">
      <t>ユウリョウ</t>
    </rPh>
    <rPh sb="6" eb="8">
      <t>ロウジン</t>
    </rPh>
    <rPh sb="17" eb="18">
      <t>カガヤ</t>
    </rPh>
    <phoneticPr fontId="2"/>
  </si>
  <si>
    <t>7.47～</t>
    <phoneticPr fontId="2"/>
  </si>
  <si>
    <t>13.37㎡</t>
    <phoneticPr fontId="2"/>
  </si>
  <si>
    <t>住宅型有料老人ホーム ナカヤ寿楽</t>
    <rPh sb="0" eb="7">
      <t>ジュウタクガタユウリョウロウジン</t>
    </rPh>
    <rPh sb="14" eb="16">
      <t>ジュラク</t>
    </rPh>
    <phoneticPr fontId="2"/>
  </si>
  <si>
    <t>693-0044</t>
    <phoneticPr fontId="2"/>
  </si>
  <si>
    <t>ＴＥＬ</t>
    <phoneticPr fontId="2"/>
  </si>
  <si>
    <t>0853-31-9988</t>
    <phoneticPr fontId="2"/>
  </si>
  <si>
    <t>130,000～</t>
    <phoneticPr fontId="2"/>
  </si>
  <si>
    <t>13.20㎡</t>
    <phoneticPr fontId="2"/>
  </si>
  <si>
    <t>出雲市荒茅町3106</t>
    <rPh sb="0" eb="3">
      <t>イズモシ</t>
    </rPh>
    <rPh sb="3" eb="6">
      <t>アラカヤチョウ</t>
    </rPh>
    <phoneticPr fontId="2"/>
  </si>
  <si>
    <t>ＦＡＸ</t>
    <phoneticPr fontId="2"/>
  </si>
  <si>
    <t>住宅型有料老人ホーム　嵩の杜</t>
    <rPh sb="0" eb="2">
      <t>ジュウタク</t>
    </rPh>
    <rPh sb="2" eb="3">
      <t>ガタ</t>
    </rPh>
    <rPh sb="3" eb="5">
      <t>ユウリョウ</t>
    </rPh>
    <rPh sb="5" eb="7">
      <t>ロウジン</t>
    </rPh>
    <rPh sb="11" eb="12">
      <t>ダケ</t>
    </rPh>
    <rPh sb="13" eb="14">
      <t>モリ</t>
    </rPh>
    <phoneticPr fontId="2"/>
  </si>
  <si>
    <t>0852-60-0808</t>
    <phoneticPr fontId="2"/>
  </si>
  <si>
    <t>0852-60-1133</t>
    <phoneticPr fontId="2"/>
  </si>
  <si>
    <t>17.5㎡</t>
    <phoneticPr fontId="2"/>
  </si>
  <si>
    <t>住宅型有料老人ホームひまり</t>
    <rPh sb="0" eb="3">
      <t>ジュウタクガタ</t>
    </rPh>
    <rPh sb="3" eb="5">
      <t>ユウリョウ</t>
    </rPh>
    <rPh sb="5" eb="7">
      <t>ロウジン</t>
    </rPh>
    <phoneticPr fontId="2"/>
  </si>
  <si>
    <t>出雲市馬木町224-1</t>
    <rPh sb="0" eb="3">
      <t>イズモシ</t>
    </rPh>
    <rPh sb="3" eb="6">
      <t>マキチョウ</t>
    </rPh>
    <phoneticPr fontId="2"/>
  </si>
  <si>
    <t>693-0212</t>
    <phoneticPr fontId="2"/>
  </si>
  <si>
    <t>12.4㎡</t>
    <phoneticPr fontId="2"/>
  </si>
  <si>
    <t>9.36㎡</t>
    <phoneticPr fontId="2"/>
  </si>
  <si>
    <t>H29.9.1～</t>
    <phoneticPr fontId="2"/>
  </si>
  <si>
    <t>住宅型有料老人ホームはくいしの里</t>
    <rPh sb="0" eb="3">
      <t>ジュウタクガタ</t>
    </rPh>
    <rPh sb="3" eb="5">
      <t>ユウリョウ</t>
    </rPh>
    <rPh sb="5" eb="7">
      <t>ロウジン</t>
    </rPh>
    <rPh sb="15" eb="16">
      <t>サト</t>
    </rPh>
    <phoneticPr fontId="2"/>
  </si>
  <si>
    <t>699-0402</t>
    <phoneticPr fontId="2"/>
  </si>
  <si>
    <t>松江市宍道町白石184番地3</t>
    <rPh sb="0" eb="3">
      <t>マツエシ</t>
    </rPh>
    <rPh sb="3" eb="6">
      <t>シンジチョウ</t>
    </rPh>
    <rPh sb="6" eb="8">
      <t>ハクイシ</t>
    </rPh>
    <rPh sb="11" eb="13">
      <t>バンチ</t>
    </rPh>
    <phoneticPr fontId="2"/>
  </si>
  <si>
    <t>0852-67-3666</t>
    <phoneticPr fontId="2"/>
  </si>
  <si>
    <t>0852-61-8351</t>
    <phoneticPr fontId="2"/>
  </si>
  <si>
    <t>〇</t>
    <phoneticPr fontId="2"/>
  </si>
  <si>
    <t>13.00～</t>
    <phoneticPr fontId="2"/>
  </si>
  <si>
    <t>14.75㎡</t>
    <phoneticPr fontId="2"/>
  </si>
  <si>
    <t>株式会社ヒカリエ</t>
    <rPh sb="0" eb="4">
      <t>カブシキガイシャ</t>
    </rPh>
    <phoneticPr fontId="2"/>
  </si>
  <si>
    <t>690-0048</t>
    <phoneticPr fontId="2"/>
  </si>
  <si>
    <t>松江市西嫁島町１丁目3－3</t>
    <rPh sb="0" eb="3">
      <t>マツエシ</t>
    </rPh>
    <rPh sb="3" eb="6">
      <t>ニシヨメシマ</t>
    </rPh>
    <rPh sb="6" eb="7">
      <t>チョウ</t>
    </rPh>
    <rPh sb="8" eb="10">
      <t>チョウメ</t>
    </rPh>
    <phoneticPr fontId="2"/>
  </si>
  <si>
    <t>住宅型有料老人ホーム らいふ 嫁島</t>
    <rPh sb="0" eb="3">
      <t>ジュウタクガタ</t>
    </rPh>
    <rPh sb="3" eb="5">
      <t>ユウリョウ</t>
    </rPh>
    <rPh sb="5" eb="7">
      <t>ロウジン</t>
    </rPh>
    <rPh sb="15" eb="16">
      <t>ヨメ</t>
    </rPh>
    <rPh sb="16" eb="17">
      <t>シマ</t>
    </rPh>
    <phoneticPr fontId="2"/>
  </si>
  <si>
    <t>0852-61-8868</t>
    <phoneticPr fontId="2"/>
  </si>
  <si>
    <t>0852-61-8869</t>
    <phoneticPr fontId="2"/>
  </si>
  <si>
    <t>株式会社松江にゅーよーく</t>
    <rPh sb="0" eb="4">
      <t>カブシキガイシャ</t>
    </rPh>
    <rPh sb="4" eb="6">
      <t>マツエ</t>
    </rPh>
    <phoneticPr fontId="2"/>
  </si>
  <si>
    <t>8.05㎡</t>
    <phoneticPr fontId="2"/>
  </si>
  <si>
    <t>127440～</t>
    <phoneticPr fontId="2"/>
  </si>
  <si>
    <t>松江市西川津町533－1</t>
    <rPh sb="0" eb="3">
      <t>マツエシ</t>
    </rPh>
    <rPh sb="3" eb="7">
      <t>ニシカワツチョウ</t>
    </rPh>
    <phoneticPr fontId="2"/>
  </si>
  <si>
    <t>690-0823</t>
    <phoneticPr fontId="2"/>
  </si>
  <si>
    <t>住宅型有料老人ホームひより</t>
    <rPh sb="0" eb="3">
      <t>ジュウタクガタ</t>
    </rPh>
    <rPh sb="3" eb="5">
      <t>ユウリョウ</t>
    </rPh>
    <rPh sb="5" eb="7">
      <t>ロウジン</t>
    </rPh>
    <phoneticPr fontId="2"/>
  </si>
  <si>
    <t xml:space="preserve">690-0033 </t>
    <phoneticPr fontId="2"/>
  </si>
  <si>
    <t>松江市大庭町1801-3</t>
    <rPh sb="0" eb="3">
      <t>マツエシ</t>
    </rPh>
    <rPh sb="3" eb="6">
      <t>オオバチョウ</t>
    </rPh>
    <phoneticPr fontId="2"/>
  </si>
  <si>
    <t>0852-60-0227</t>
    <phoneticPr fontId="2"/>
  </si>
  <si>
    <t>0852-60-0228</t>
    <phoneticPr fontId="2"/>
  </si>
  <si>
    <t>株式会社ラッシュ</t>
    <rPh sb="0" eb="2">
      <t>カブシキ</t>
    </rPh>
    <rPh sb="2" eb="4">
      <t>ガイシャ</t>
    </rPh>
    <phoneticPr fontId="2"/>
  </si>
  <si>
    <t>105,000円</t>
    <rPh sb="7" eb="8">
      <t>エン</t>
    </rPh>
    <phoneticPr fontId="2"/>
  </si>
  <si>
    <t>145,600～</t>
    <phoneticPr fontId="2"/>
  </si>
  <si>
    <t>14㎡</t>
    <phoneticPr fontId="2"/>
  </si>
  <si>
    <t>社会福祉法人弥栄福祉会</t>
    <rPh sb="0" eb="2">
      <t>シャカイ</t>
    </rPh>
    <rPh sb="2" eb="4">
      <t>フクシ</t>
    </rPh>
    <rPh sb="4" eb="6">
      <t>ホウジン</t>
    </rPh>
    <rPh sb="6" eb="8">
      <t>ヤサカ</t>
    </rPh>
    <rPh sb="8" eb="10">
      <t>フクシ</t>
    </rPh>
    <rPh sb="10" eb="11">
      <t>カイ</t>
    </rPh>
    <phoneticPr fontId="2"/>
  </si>
  <si>
    <t>浜田市弥栄町木都賀イ５３０番地４</t>
    <rPh sb="0" eb="3">
      <t>ハマダシ</t>
    </rPh>
    <rPh sb="3" eb="6">
      <t>ヤサカチョウ</t>
    </rPh>
    <rPh sb="6" eb="7">
      <t>キ</t>
    </rPh>
    <rPh sb="7" eb="8">
      <t>ミヤコ</t>
    </rPh>
    <rPh sb="8" eb="9">
      <t>ガ</t>
    </rPh>
    <rPh sb="13" eb="15">
      <t>バンチ</t>
    </rPh>
    <phoneticPr fontId="2"/>
  </si>
  <si>
    <t>ウェルライフ三刀屋</t>
    <rPh sb="6" eb="9">
      <t>ミトヤ</t>
    </rPh>
    <phoneticPr fontId="2"/>
  </si>
  <si>
    <t>やさかやすらぎの家</t>
    <rPh sb="8" eb="9">
      <t>イエ</t>
    </rPh>
    <phoneticPr fontId="2"/>
  </si>
  <si>
    <t>住宅型有料老人ホーム瑞光</t>
    <rPh sb="0" eb="3">
      <t>ジュウタクガタ</t>
    </rPh>
    <rPh sb="3" eb="5">
      <t>ユウリョウ</t>
    </rPh>
    <rPh sb="5" eb="7">
      <t>ロウジン</t>
    </rPh>
    <rPh sb="10" eb="12">
      <t>ズイコウ</t>
    </rPh>
    <phoneticPr fontId="2"/>
  </si>
  <si>
    <t>12.0㎡</t>
    <phoneticPr fontId="2"/>
  </si>
  <si>
    <t>90,800～</t>
    <phoneticPr fontId="2"/>
  </si>
  <si>
    <t>雲南市吉田町吉田1043番地８</t>
    <rPh sb="0" eb="2">
      <t>ウンナン</t>
    </rPh>
    <rPh sb="2" eb="3">
      <t>イチ</t>
    </rPh>
    <rPh sb="3" eb="6">
      <t>ヨシダチョウ</t>
    </rPh>
    <rPh sb="6" eb="8">
      <t>ヨシダ</t>
    </rPh>
    <rPh sb="12" eb="14">
      <t>バンチ</t>
    </rPh>
    <phoneticPr fontId="2"/>
  </si>
  <si>
    <t>9.72～</t>
    <phoneticPr fontId="2"/>
  </si>
  <si>
    <t>13.10㎡</t>
    <phoneticPr fontId="2"/>
  </si>
  <si>
    <t>株式会社ナノケアめろす</t>
    <rPh sb="0" eb="4">
      <t>カブシキガイシャ</t>
    </rPh>
    <phoneticPr fontId="2"/>
  </si>
  <si>
    <t>住宅型有料老人ホームこころの都　宍道</t>
    <rPh sb="0" eb="3">
      <t>ジュウタクガタ</t>
    </rPh>
    <rPh sb="3" eb="5">
      <t>ユウリョウ</t>
    </rPh>
    <rPh sb="5" eb="7">
      <t>ロウジン</t>
    </rPh>
    <rPh sb="14" eb="15">
      <t>ミヤコ</t>
    </rPh>
    <rPh sb="16" eb="18">
      <t>シンジ</t>
    </rPh>
    <phoneticPr fontId="2"/>
  </si>
  <si>
    <t>699-0407</t>
    <phoneticPr fontId="2"/>
  </si>
  <si>
    <t>松江市宍道町伊志見410</t>
    <rPh sb="0" eb="3">
      <t>マツエシ</t>
    </rPh>
    <rPh sb="3" eb="6">
      <t>シンジチョウ</t>
    </rPh>
    <rPh sb="6" eb="7">
      <t>イ</t>
    </rPh>
    <rPh sb="7" eb="8">
      <t>ココロザシ</t>
    </rPh>
    <rPh sb="8" eb="9">
      <t>ミ</t>
    </rPh>
    <phoneticPr fontId="2"/>
  </si>
  <si>
    <t>0852-66-9333</t>
    <phoneticPr fontId="2"/>
  </si>
  <si>
    <t>0852-66-9,335</t>
    <phoneticPr fontId="2"/>
  </si>
  <si>
    <t>20㎡</t>
    <phoneticPr fontId="2"/>
  </si>
  <si>
    <t xml:space="preserve"> ７９施設　２，０３０室　定員２，２１３人
　(介護付１８施設 ７３２室　定員７７７人　住宅型６１施設 １，２９８室　定員１，４３６人）　</t>
    <rPh sb="3" eb="5">
      <t>シセツ</t>
    </rPh>
    <rPh sb="11" eb="12">
      <t>シツ</t>
    </rPh>
    <rPh sb="13" eb="15">
      <t>テイイン</t>
    </rPh>
    <rPh sb="20" eb="21">
      <t>ニン</t>
    </rPh>
    <rPh sb="24" eb="26">
      <t>カイゴ</t>
    </rPh>
    <rPh sb="26" eb="27">
      <t>ツ</t>
    </rPh>
    <rPh sb="29" eb="31">
      <t>シセツ</t>
    </rPh>
    <rPh sb="35" eb="36">
      <t>シツ</t>
    </rPh>
    <rPh sb="37" eb="39">
      <t>テイイン</t>
    </rPh>
    <rPh sb="42" eb="43">
      <t>ニン</t>
    </rPh>
    <rPh sb="44" eb="46">
      <t>ジュウタク</t>
    </rPh>
    <rPh sb="46" eb="47">
      <t>ガタ</t>
    </rPh>
    <rPh sb="49" eb="51">
      <t>シセツ</t>
    </rPh>
    <rPh sb="57" eb="58">
      <t>シツ</t>
    </rPh>
    <rPh sb="59" eb="61">
      <t>テイイン</t>
    </rPh>
    <phoneticPr fontId="2"/>
  </si>
  <si>
    <t>690-2801</t>
    <phoneticPr fontId="2"/>
  </si>
  <si>
    <t>0854-74-9811</t>
    <phoneticPr fontId="2"/>
  </si>
  <si>
    <t>0854-74-0459</t>
    <phoneticPr fontId="2"/>
  </si>
  <si>
    <t>グランエスポワールむりょうじゅ</t>
    <phoneticPr fontId="2"/>
  </si>
  <si>
    <t>699-3162</t>
    <phoneticPr fontId="2"/>
  </si>
  <si>
    <t>江津市敬川町296－6</t>
    <rPh sb="0" eb="3">
      <t>ゴウツシ</t>
    </rPh>
    <rPh sb="3" eb="6">
      <t>ウヤガワチョウ</t>
    </rPh>
    <phoneticPr fontId="2"/>
  </si>
  <si>
    <t>0855-53-1121</t>
    <phoneticPr fontId="2"/>
  </si>
  <si>
    <t>0855-53-1186</t>
    <phoneticPr fontId="2"/>
  </si>
  <si>
    <t>50万円</t>
    <rPh sb="2" eb="4">
      <t>マンエン</t>
    </rPh>
    <phoneticPr fontId="2"/>
  </si>
  <si>
    <t>20.30～</t>
    <phoneticPr fontId="2"/>
  </si>
  <si>
    <t>29.52㎡</t>
    <phoneticPr fontId="2"/>
  </si>
  <si>
    <t>156820～</t>
    <phoneticPr fontId="2"/>
  </si>
  <si>
    <t>住宅型有料老人ホームあっとホームさふらん</t>
    <rPh sb="0" eb="3">
      <t>ジュウタクガタ</t>
    </rPh>
    <rPh sb="3" eb="5">
      <t>ユウリョウ</t>
    </rPh>
    <rPh sb="5" eb="7">
      <t>ロウジン</t>
    </rPh>
    <phoneticPr fontId="2"/>
  </si>
  <si>
    <t>699-0641</t>
    <phoneticPr fontId="2"/>
  </si>
  <si>
    <t>出雲市斐川町美南1505－1</t>
    <rPh sb="0" eb="3">
      <t>イズモシ</t>
    </rPh>
    <rPh sb="3" eb="5">
      <t>ヒカワ</t>
    </rPh>
    <rPh sb="5" eb="6">
      <t>チョウ</t>
    </rPh>
    <rPh sb="6" eb="7">
      <t>ミ</t>
    </rPh>
    <rPh sb="7" eb="8">
      <t>ミナミ</t>
    </rPh>
    <phoneticPr fontId="2"/>
  </si>
  <si>
    <t>0853-72-9905</t>
    <phoneticPr fontId="2"/>
  </si>
  <si>
    <t>0853-72-7534</t>
    <phoneticPr fontId="2"/>
  </si>
  <si>
    <t>ひかわ医療生活協同組合</t>
    <rPh sb="3" eb="5">
      <t>イリョウ</t>
    </rPh>
    <rPh sb="5" eb="7">
      <t>セイカツ</t>
    </rPh>
    <rPh sb="7" eb="9">
      <t>キョウドウ</t>
    </rPh>
    <rPh sb="9" eb="11">
      <t>クミアイ</t>
    </rPh>
    <phoneticPr fontId="2"/>
  </si>
  <si>
    <t>96,000円</t>
    <rPh sb="6" eb="7">
      <t>エン</t>
    </rPh>
    <phoneticPr fontId="2"/>
  </si>
  <si>
    <t>98,800円</t>
    <rPh sb="6" eb="7">
      <t>エン</t>
    </rPh>
    <phoneticPr fontId="2"/>
  </si>
  <si>
    <t>14.08㎡</t>
    <phoneticPr fontId="2"/>
  </si>
  <si>
    <t>0853-31-9989</t>
    <phoneticPr fontId="2"/>
  </si>
  <si>
    <t>0853-48-9056</t>
    <phoneticPr fontId="2"/>
  </si>
  <si>
    <t>0853-48-0047</t>
    <phoneticPr fontId="2"/>
  </si>
  <si>
    <t>ヘルスケアアパートメント東出雲</t>
    <phoneticPr fontId="2"/>
  </si>
  <si>
    <t>ナーシングホームグランなでしこ西津田</t>
  </si>
  <si>
    <t>0852-62-8150</t>
    <phoneticPr fontId="2"/>
  </si>
  <si>
    <t>0852-61-8889</t>
    <phoneticPr fontId="2"/>
  </si>
  <si>
    <t>住宅型有料老人ホームグッドライフ</t>
    <rPh sb="0" eb="2">
      <t>ジュウタク</t>
    </rPh>
    <rPh sb="2" eb="3">
      <t>ガタ</t>
    </rPh>
    <rPh sb="3" eb="5">
      <t>ユウリョウ</t>
    </rPh>
    <rPh sb="5" eb="7">
      <t>ロウジン</t>
    </rPh>
    <phoneticPr fontId="2"/>
  </si>
  <si>
    <t>株式会社コスモス</t>
    <rPh sb="0" eb="2">
      <t>カブシキ</t>
    </rPh>
    <rPh sb="2" eb="4">
      <t>カイシャ</t>
    </rPh>
    <phoneticPr fontId="2"/>
  </si>
  <si>
    <t>株式会社ハート</t>
    <rPh sb="0" eb="2">
      <t>カブシキ</t>
    </rPh>
    <rPh sb="2" eb="4">
      <t>カイシャ</t>
    </rPh>
    <phoneticPr fontId="2"/>
  </si>
  <si>
    <t>株式会社ライラック</t>
    <rPh sb="0" eb="2">
      <t>カブシキ</t>
    </rPh>
    <rPh sb="2" eb="4">
      <t>カイシャ</t>
    </rPh>
    <phoneticPr fontId="2"/>
  </si>
  <si>
    <t>住宅型有料老人ホームライラック</t>
    <rPh sb="0" eb="2">
      <t>ジュウタク</t>
    </rPh>
    <rPh sb="2" eb="3">
      <t>ガタ</t>
    </rPh>
    <rPh sb="3" eb="5">
      <t>ユウリョウ</t>
    </rPh>
    <rPh sb="5" eb="7">
      <t>ロウジン</t>
    </rPh>
    <phoneticPr fontId="2"/>
  </si>
  <si>
    <t>0855-23-8730</t>
    <phoneticPr fontId="2"/>
  </si>
  <si>
    <t>住宅型有料老人ホーム有福</t>
    <rPh sb="0" eb="2">
      <t>ジュウタク</t>
    </rPh>
    <rPh sb="2" eb="3">
      <t>ガタ</t>
    </rPh>
    <rPh sb="3" eb="5">
      <t>ユウリョウ</t>
    </rPh>
    <rPh sb="5" eb="7">
      <t>ロウジン</t>
    </rPh>
    <rPh sb="10" eb="12">
      <t>アリフク</t>
    </rPh>
    <phoneticPr fontId="2"/>
  </si>
  <si>
    <t>株式会社祥福</t>
    <rPh sb="0" eb="2">
      <t>カブシキ</t>
    </rPh>
    <rPh sb="2" eb="4">
      <t>カイシャ</t>
    </rPh>
    <rPh sb="4" eb="5">
      <t>ショ</t>
    </rPh>
    <rPh sb="5" eb="6">
      <t>フク</t>
    </rPh>
    <phoneticPr fontId="2"/>
  </si>
  <si>
    <t>株式会社エムケア</t>
    <rPh sb="0" eb="2">
      <t>カブシキ</t>
    </rPh>
    <rPh sb="2" eb="4">
      <t>カイシャ</t>
    </rPh>
    <phoneticPr fontId="2"/>
  </si>
  <si>
    <t>株式会社ケアガイド</t>
    <phoneticPr fontId="2"/>
  </si>
  <si>
    <t>株式会社松江テクノサービス</t>
    <rPh sb="4" eb="6">
      <t>マツエ</t>
    </rPh>
    <phoneticPr fontId="2"/>
  </si>
  <si>
    <t>株式会社オレンジロード</t>
    <phoneticPr fontId="2"/>
  </si>
  <si>
    <t>株式会社レーク・ケア</t>
    <phoneticPr fontId="2"/>
  </si>
  <si>
    <t>株式会社ライフサポート山陰</t>
    <rPh sb="11" eb="13">
      <t>サンイン</t>
    </rPh>
    <phoneticPr fontId="2"/>
  </si>
  <si>
    <t>株式会社ベストライフ</t>
    <phoneticPr fontId="2"/>
  </si>
  <si>
    <t>株式会社ケアガイド</t>
    <phoneticPr fontId="2"/>
  </si>
  <si>
    <t>株式会社ウォームス</t>
    <phoneticPr fontId="2"/>
  </si>
  <si>
    <t>株式会社アミーゴ島根</t>
    <rPh sb="8" eb="10">
      <t>シマネ</t>
    </rPh>
    <phoneticPr fontId="2"/>
  </si>
  <si>
    <t>株式会社エスポアール福祉会</t>
    <rPh sb="10" eb="12">
      <t>フクシ</t>
    </rPh>
    <rPh sb="12" eb="13">
      <t>カイ</t>
    </rPh>
    <phoneticPr fontId="2"/>
  </si>
  <si>
    <t>株式会社なかうみの郷</t>
    <rPh sb="9" eb="10">
      <t>サト</t>
    </rPh>
    <phoneticPr fontId="2"/>
  </si>
  <si>
    <t>株式会社建装</t>
    <rPh sb="4" eb="6">
      <t>ケンソウ</t>
    </rPh>
    <phoneticPr fontId="2"/>
  </si>
  <si>
    <t>株式会社HomeTerrace</t>
    <phoneticPr fontId="2"/>
  </si>
  <si>
    <t>北陽福祉サービス株式会社</t>
    <rPh sb="0" eb="2">
      <t>ホクヨウ</t>
    </rPh>
    <rPh sb="2" eb="4">
      <t>フクシ</t>
    </rPh>
    <phoneticPr fontId="2"/>
  </si>
  <si>
    <t>株式会社エムケア</t>
    <phoneticPr fontId="2"/>
  </si>
  <si>
    <t>株式会社</t>
    <phoneticPr fontId="2"/>
  </si>
  <si>
    <t>株式会社ライフサポート</t>
    <phoneticPr fontId="2"/>
  </si>
  <si>
    <t>株式会社ハピネライフ一光</t>
    <rPh sb="10" eb="12">
      <t>イッコウ</t>
    </rPh>
    <phoneticPr fontId="2"/>
  </si>
  <si>
    <t>株式会社中林建築設計事務所</t>
    <rPh sb="4" eb="6">
      <t>ナカバヤシ</t>
    </rPh>
    <rPh sb="6" eb="8">
      <t>ケンチク</t>
    </rPh>
    <rPh sb="8" eb="10">
      <t>セッケイ</t>
    </rPh>
    <rPh sb="10" eb="13">
      <t>ジムショ</t>
    </rPh>
    <phoneticPr fontId="2"/>
  </si>
  <si>
    <t>ミシマ産業株式会社</t>
    <rPh sb="3" eb="5">
      <t>サンギョウ</t>
    </rPh>
    <phoneticPr fontId="2"/>
  </si>
  <si>
    <t>株式会社直江の家</t>
    <rPh sb="4" eb="6">
      <t>ナオエ</t>
    </rPh>
    <rPh sb="7" eb="8">
      <t>イエ</t>
    </rPh>
    <phoneticPr fontId="2"/>
  </si>
  <si>
    <t>株式会社テーリング</t>
    <phoneticPr fontId="2"/>
  </si>
  <si>
    <t>株式会社ナカヤ</t>
    <phoneticPr fontId="2"/>
  </si>
  <si>
    <t>株式会社ひまり</t>
    <phoneticPr fontId="2"/>
  </si>
  <si>
    <t>株式会社あゆみ</t>
    <phoneticPr fontId="2"/>
  </si>
  <si>
    <t>株式会社しろがねの里</t>
    <rPh sb="9" eb="10">
      <t>サト</t>
    </rPh>
    <phoneticPr fontId="2"/>
  </si>
  <si>
    <t>株式会社来夢</t>
    <rPh sb="4" eb="5">
      <t>ク</t>
    </rPh>
    <rPh sb="5" eb="6">
      <t>ユメ</t>
    </rPh>
    <phoneticPr fontId="2"/>
  </si>
  <si>
    <t>株式会社無量壽</t>
    <rPh sb="4" eb="6">
      <t>ムリョウ</t>
    </rPh>
    <rPh sb="6" eb="7">
      <t>コトブキ</t>
    </rPh>
    <phoneticPr fontId="2"/>
  </si>
  <si>
    <t>有限会社ライフスタイル東光</t>
    <rPh sb="0" eb="2">
      <t>ユウゲン</t>
    </rPh>
    <rPh sb="2" eb="4">
      <t>カイシャ</t>
    </rPh>
    <rPh sb="11" eb="12">
      <t>ヒガシ</t>
    </rPh>
    <rPh sb="12" eb="13">
      <t>ヒカリ</t>
    </rPh>
    <phoneticPr fontId="2"/>
  </si>
  <si>
    <t>サンライフほのぼの有限会社</t>
    <rPh sb="9" eb="11">
      <t>ユウゲン</t>
    </rPh>
    <rPh sb="11" eb="13">
      <t>カイシャ</t>
    </rPh>
    <phoneticPr fontId="2"/>
  </si>
  <si>
    <t>特定非営利活動法人　Bｅｉｎｇ</t>
    <rPh sb="0" eb="2">
      <t>トクテイ</t>
    </rPh>
    <rPh sb="2" eb="5">
      <t>ヒエイリ</t>
    </rPh>
    <rPh sb="5" eb="7">
      <t>カツドウ</t>
    </rPh>
    <rPh sb="7" eb="9">
      <t>ホウジン</t>
    </rPh>
    <phoneticPr fontId="2"/>
  </si>
  <si>
    <t>特定非営利活動法人　あじさい</t>
    <rPh sb="0" eb="2">
      <t>トクテイ</t>
    </rPh>
    <rPh sb="2" eb="5">
      <t>ヒエイリ</t>
    </rPh>
    <rPh sb="5" eb="7">
      <t>カツドウ</t>
    </rPh>
    <rPh sb="7" eb="9">
      <t>ホウジン</t>
    </rPh>
    <phoneticPr fontId="2"/>
  </si>
  <si>
    <t>ＵＳサービス株式会社</t>
    <phoneticPr fontId="2"/>
  </si>
  <si>
    <t>ウェルファ株式会社</t>
    <rPh sb="5" eb="7">
      <t>カブシキ</t>
    </rPh>
    <rPh sb="7" eb="9">
      <t>カイシャ</t>
    </rPh>
    <phoneticPr fontId="2"/>
  </si>
  <si>
    <t>ふる郷</t>
    <rPh sb="2" eb="3">
      <t>サト</t>
    </rPh>
    <phoneticPr fontId="2"/>
  </si>
  <si>
    <t>180,220～</t>
    <phoneticPr fontId="2"/>
  </si>
  <si>
    <t>54万円</t>
    <rPh sb="2" eb="4">
      <t>マンエン</t>
    </rPh>
    <phoneticPr fontId="2"/>
  </si>
  <si>
    <t>松江市所管</t>
    <rPh sb="0" eb="3">
      <t>マツエシ</t>
    </rPh>
    <rPh sb="3" eb="5">
      <t>ショカン</t>
    </rPh>
    <phoneticPr fontId="2"/>
  </si>
  <si>
    <t>島根県所管</t>
    <rPh sb="0" eb="3">
      <t>シマネケン</t>
    </rPh>
    <rPh sb="3" eb="5">
      <t>ショカン</t>
    </rPh>
    <phoneticPr fontId="2"/>
  </si>
  <si>
    <t>シルバ-コミュニティセンター</t>
    <phoneticPr fontId="2"/>
  </si>
  <si>
    <t>平成３１年７月１日現在　</t>
    <rPh sb="0" eb="2">
      <t>ヘイセイ</t>
    </rPh>
    <rPh sb="4" eb="5">
      <t>ネン</t>
    </rPh>
    <rPh sb="6" eb="7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indexed="8"/>
      <name val="ＭＳ 明朝"/>
      <family val="1"/>
      <charset val="128"/>
    </font>
    <font>
      <sz val="12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i/>
      <sz val="11"/>
      <name val="ＭＳ Ｐゴシック"/>
      <family val="3"/>
      <charset val="128"/>
    </font>
    <font>
      <b/>
      <sz val="12"/>
      <name val="ＭＳ 明朝"/>
      <family val="1"/>
      <charset val="128"/>
    </font>
    <font>
      <b/>
      <i/>
      <sz val="11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7"/>
      <name val="ＭＳ Ｐゴシック"/>
      <family val="3"/>
      <charset val="128"/>
    </font>
    <font>
      <i/>
      <sz val="12"/>
      <name val="ＭＳ Ｐゴシック"/>
      <family val="3"/>
      <charset val="128"/>
    </font>
    <font>
      <i/>
      <sz val="14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i/>
      <sz val="14"/>
      <name val="ＭＳ Ｐゴシック"/>
      <family val="3"/>
      <charset val="128"/>
    </font>
    <font>
      <b/>
      <sz val="14"/>
      <name val="ＭＳ 明朝"/>
      <family val="1"/>
      <charset val="128"/>
    </font>
    <font>
      <b/>
      <sz val="13"/>
      <name val="ＭＳ 明朝"/>
      <family val="1"/>
      <charset val="128"/>
    </font>
    <font>
      <sz val="11"/>
      <color rgb="FFFF0000"/>
      <name val="ＭＳ Ｐゴシック"/>
      <family val="3"/>
      <charset val="128"/>
    </font>
    <font>
      <b/>
      <sz val="12"/>
      <color theme="1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41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/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Down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31">
    <xf numFmtId="0" fontId="0" fillId="0" borderId="0" xfId="0"/>
    <xf numFmtId="0" fontId="0" fillId="0" borderId="1" xfId="0" applyBorder="1" applyAlignment="1">
      <alignment horizontal="left"/>
    </xf>
    <xf numFmtId="0" fontId="0" fillId="0" borderId="0" xfId="0" applyBorder="1"/>
    <xf numFmtId="0" fontId="4" fillId="0" borderId="0" xfId="0" applyFont="1"/>
    <xf numFmtId="0" fontId="0" fillId="0" borderId="2" xfId="0" applyBorder="1"/>
    <xf numFmtId="0" fontId="6" fillId="0" borderId="0" xfId="0" applyFont="1"/>
    <xf numFmtId="57" fontId="0" fillId="0" borderId="0" xfId="0" applyNumberFormat="1" applyBorder="1"/>
    <xf numFmtId="0" fontId="0" fillId="0" borderId="3" xfId="0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2" borderId="6" xfId="0" applyFill="1" applyBorder="1" applyAlignment="1">
      <alignment horizontal="center"/>
    </xf>
    <xf numFmtId="0" fontId="0" fillId="0" borderId="7" xfId="0" applyBorder="1" applyAlignment="1">
      <alignment horizontal="center"/>
    </xf>
    <xf numFmtId="0" fontId="0" fillId="0" borderId="5" xfId="0" applyBorder="1"/>
    <xf numFmtId="0" fontId="0" fillId="0" borderId="0" xfId="0" quotePrefix="1"/>
    <xf numFmtId="0" fontId="0" fillId="0" borderId="8" xfId="0" applyBorder="1"/>
    <xf numFmtId="0" fontId="0" fillId="0" borderId="4" xfId="0" applyBorder="1"/>
    <xf numFmtId="0" fontId="0" fillId="0" borderId="9" xfId="0" applyBorder="1"/>
    <xf numFmtId="0" fontId="0" fillId="0" borderId="8" xfId="0" applyBorder="1" applyAlignment="1"/>
    <xf numFmtId="0" fontId="0" fillId="2" borderId="0" xfId="0" applyFill="1" applyBorder="1" applyAlignment="1">
      <alignment wrapText="1"/>
    </xf>
    <xf numFmtId="0" fontId="0" fillId="0" borderId="2" xfId="0" applyBorder="1" applyAlignment="1"/>
    <xf numFmtId="0" fontId="0" fillId="2" borderId="8" xfId="0" applyFill="1" applyBorder="1" applyAlignment="1">
      <alignment wrapText="1"/>
    </xf>
    <xf numFmtId="0" fontId="0" fillId="0" borderId="8" xfId="0" applyBorder="1" applyAlignment="1">
      <alignment wrapText="1"/>
    </xf>
    <xf numFmtId="0" fontId="0" fillId="0" borderId="0" xfId="0" applyBorder="1" applyAlignment="1"/>
    <xf numFmtId="0" fontId="0" fillId="2" borderId="0" xfId="0" applyFill="1" applyBorder="1" applyAlignment="1"/>
    <xf numFmtId="0" fontId="8" fillId="2" borderId="0" xfId="0" applyFont="1" applyFill="1" applyBorder="1" applyAlignment="1">
      <alignment horizontal="left" wrapText="1"/>
    </xf>
    <xf numFmtId="0" fontId="7" fillId="2" borderId="10" xfId="0" applyFont="1" applyFill="1" applyBorder="1" applyAlignment="1">
      <alignment horizontal="left" wrapText="1"/>
    </xf>
    <xf numFmtId="0" fontId="7" fillId="0" borderId="0" xfId="0" applyFont="1" applyBorder="1" applyAlignment="1">
      <alignment wrapText="1"/>
    </xf>
    <xf numFmtId="0" fontId="7" fillId="0" borderId="0" xfId="0" applyFont="1" applyBorder="1" applyAlignment="1">
      <alignment horizontal="left" wrapText="1"/>
    </xf>
    <xf numFmtId="0" fontId="7" fillId="0" borderId="11" xfId="0" applyFont="1" applyBorder="1" applyAlignment="1">
      <alignment horizontal="left" wrapText="1"/>
    </xf>
    <xf numFmtId="0" fontId="0" fillId="0" borderId="4" xfId="0" applyFill="1" applyBorder="1"/>
    <xf numFmtId="0" fontId="0" fillId="2" borderId="10" xfId="0" applyFill="1" applyBorder="1" applyAlignment="1">
      <alignment wrapText="1"/>
    </xf>
    <xf numFmtId="0" fontId="0" fillId="0" borderId="0" xfId="0" applyBorder="1" applyAlignment="1">
      <alignment horizontal="center" wrapText="1"/>
    </xf>
    <xf numFmtId="0" fontId="5" fillId="0" borderId="5" xfId="0" applyFont="1" applyBorder="1"/>
    <xf numFmtId="0" fontId="9" fillId="0" borderId="4" xfId="0" applyFont="1" applyBorder="1"/>
    <xf numFmtId="0" fontId="9" fillId="2" borderId="12" xfId="0" applyFont="1" applyFill="1" applyBorder="1"/>
    <xf numFmtId="0" fontId="9" fillId="0" borderId="3" xfId="0" applyFont="1" applyBorder="1" applyAlignment="1">
      <alignment horizontal="center"/>
    </xf>
    <xf numFmtId="0" fontId="9" fillId="0" borderId="13" xfId="0" applyFont="1" applyBorder="1"/>
    <xf numFmtId="0" fontId="9" fillId="0" borderId="14" xfId="0" applyFont="1" applyBorder="1" applyAlignment="1">
      <alignment horizontal="right"/>
    </xf>
    <xf numFmtId="0" fontId="9" fillId="2" borderId="15" xfId="0" applyFont="1" applyFill="1" applyBorder="1" applyAlignment="1">
      <alignment horizontal="right"/>
    </xf>
    <xf numFmtId="0" fontId="10" fillId="2" borderId="2" xfId="0" applyFont="1" applyFill="1" applyBorder="1" applyAlignment="1">
      <alignment horizontal="center" vertical="center"/>
    </xf>
    <xf numFmtId="0" fontId="10" fillId="2" borderId="8" xfId="0" applyFont="1" applyFill="1" applyBorder="1" applyAlignment="1">
      <alignment horizontal="center" vertical="center"/>
    </xf>
    <xf numFmtId="0" fontId="10" fillId="2" borderId="5" xfId="0" applyFont="1" applyFill="1" applyBorder="1" applyAlignment="1">
      <alignment horizontal="center" vertical="center" wrapText="1"/>
    </xf>
    <xf numFmtId="3" fontId="10" fillId="2" borderId="2" xfId="0" applyNumberFormat="1" applyFont="1" applyFill="1" applyBorder="1" applyAlignment="1">
      <alignment horizontal="center" vertical="center" wrapText="1"/>
    </xf>
    <xf numFmtId="0" fontId="10" fillId="2" borderId="2" xfId="0" applyFont="1" applyFill="1" applyBorder="1" applyAlignment="1">
      <alignment horizontal="center" vertical="center" wrapText="1"/>
    </xf>
    <xf numFmtId="38" fontId="10" fillId="2" borderId="5" xfId="1" applyFont="1" applyFill="1" applyBorder="1" applyAlignment="1">
      <alignment horizontal="center" vertical="center"/>
    </xf>
    <xf numFmtId="0" fontId="10" fillId="2" borderId="1" xfId="0" applyFont="1" applyFill="1" applyBorder="1" applyAlignment="1">
      <alignment horizontal="center" vertical="center" wrapText="1"/>
    </xf>
    <xf numFmtId="3" fontId="10" fillId="2" borderId="1" xfId="0" applyNumberFormat="1" applyFont="1" applyFill="1" applyBorder="1" applyAlignment="1">
      <alignment horizontal="center" vertical="center" wrapText="1"/>
    </xf>
    <xf numFmtId="0" fontId="10" fillId="2" borderId="5" xfId="0" applyFont="1" applyFill="1" applyBorder="1" applyAlignment="1">
      <alignment horizontal="center" vertical="center"/>
    </xf>
    <xf numFmtId="57" fontId="10" fillId="2" borderId="5" xfId="0" applyNumberFormat="1" applyFont="1" applyFill="1" applyBorder="1"/>
    <xf numFmtId="0" fontId="10" fillId="2" borderId="2" xfId="0" applyFont="1" applyFill="1" applyBorder="1"/>
    <xf numFmtId="38" fontId="10" fillId="2" borderId="2" xfId="1" applyFont="1" applyFill="1" applyBorder="1" applyAlignment="1">
      <alignment horizontal="center" vertical="center"/>
    </xf>
    <xf numFmtId="0" fontId="10" fillId="2" borderId="9" xfId="0" applyFont="1" applyFill="1" applyBorder="1" applyAlignment="1">
      <alignment horizontal="center" vertical="center" wrapText="1"/>
    </xf>
    <xf numFmtId="57" fontId="10" fillId="2" borderId="2" xfId="0" applyNumberFormat="1" applyFont="1" applyFill="1" applyBorder="1"/>
    <xf numFmtId="0" fontId="10" fillId="2" borderId="7" xfId="0" applyFont="1" applyFill="1" applyBorder="1" applyAlignment="1">
      <alignment horizontal="center" vertical="center" wrapText="1"/>
    </xf>
    <xf numFmtId="38" fontId="10" fillId="2" borderId="5" xfId="1" applyFont="1" applyFill="1" applyBorder="1" applyAlignment="1">
      <alignment horizontal="center" vertical="center" wrapText="1"/>
    </xf>
    <xf numFmtId="0" fontId="7" fillId="0" borderId="3" xfId="0" applyFont="1" applyBorder="1"/>
    <xf numFmtId="0" fontId="7" fillId="0" borderId="16" xfId="0" applyFont="1" applyBorder="1" applyAlignment="1">
      <alignment horizontal="left" wrapText="1"/>
    </xf>
    <xf numFmtId="57" fontId="10" fillId="2" borderId="1" xfId="0" applyNumberFormat="1" applyFont="1" applyFill="1" applyBorder="1" applyAlignment="1">
      <alignment horizontal="right"/>
    </xf>
    <xf numFmtId="0" fontId="0" fillId="0" borderId="7" xfId="0" applyBorder="1"/>
    <xf numFmtId="57" fontId="10" fillId="2" borderId="1" xfId="0" applyNumberFormat="1" applyFont="1" applyFill="1" applyBorder="1"/>
    <xf numFmtId="0" fontId="7" fillId="0" borderId="8" xfId="0" applyFont="1" applyBorder="1" applyAlignment="1">
      <alignment horizontal="left" wrapText="1"/>
    </xf>
    <xf numFmtId="0" fontId="7" fillId="0" borderId="9" xfId="0" applyFont="1" applyBorder="1" applyAlignment="1">
      <alignment horizontal="left" wrapText="1"/>
    </xf>
    <xf numFmtId="0" fontId="9" fillId="0" borderId="3" xfId="0" applyFont="1" applyBorder="1"/>
    <xf numFmtId="38" fontId="10" fillId="2" borderId="17" xfId="1" applyFont="1" applyFill="1" applyBorder="1" applyAlignment="1">
      <alignment horizontal="center" vertical="center"/>
    </xf>
    <xf numFmtId="0" fontId="10" fillId="2" borderId="17" xfId="0" applyFont="1" applyFill="1" applyBorder="1" applyAlignment="1">
      <alignment horizontal="center" vertical="center"/>
    </xf>
    <xf numFmtId="0" fontId="7" fillId="2" borderId="16" xfId="0" applyFont="1" applyFill="1" applyBorder="1" applyAlignment="1">
      <alignment horizontal="left" wrapText="1"/>
    </xf>
    <xf numFmtId="0" fontId="7" fillId="0" borderId="14" xfId="0" applyFont="1" applyBorder="1"/>
    <xf numFmtId="0" fontId="9" fillId="0" borderId="14" xfId="0" applyFont="1" applyBorder="1" applyAlignment="1">
      <alignment horizontal="center"/>
    </xf>
    <xf numFmtId="0" fontId="9" fillId="0" borderId="15" xfId="0" applyFont="1" applyBorder="1"/>
    <xf numFmtId="0" fontId="10" fillId="2" borderId="0" xfId="0" applyFont="1" applyFill="1" applyBorder="1" applyAlignment="1">
      <alignment horizontal="center" vertical="center" wrapText="1"/>
    </xf>
    <xf numFmtId="0" fontId="11" fillId="0" borderId="3" xfId="0" applyFont="1" applyBorder="1" applyAlignment="1">
      <alignment horizontal="center"/>
    </xf>
    <xf numFmtId="38" fontId="10" fillId="2" borderId="2" xfId="1" quotePrefix="1" applyFont="1" applyFill="1" applyBorder="1" applyAlignment="1">
      <alignment horizontal="center" vertical="center" wrapText="1"/>
    </xf>
    <xf numFmtId="0" fontId="10" fillId="2" borderId="0" xfId="0" applyFont="1" applyFill="1" applyBorder="1" applyAlignment="1">
      <alignment horizontal="center" wrapText="1"/>
    </xf>
    <xf numFmtId="3" fontId="10" fillId="2" borderId="0" xfId="0" applyNumberFormat="1" applyFont="1" applyFill="1" applyBorder="1" applyAlignment="1">
      <alignment horizontal="center" vertical="center" wrapText="1"/>
    </xf>
    <xf numFmtId="57" fontId="10" fillId="2" borderId="0" xfId="0" applyNumberFormat="1" applyFont="1" applyFill="1" applyBorder="1"/>
    <xf numFmtId="0" fontId="7" fillId="2" borderId="2" xfId="0" applyFont="1" applyFill="1" applyBorder="1" applyAlignment="1">
      <alignment horizontal="left" wrapText="1"/>
    </xf>
    <xf numFmtId="0" fontId="0" fillId="0" borderId="10" xfId="0" applyBorder="1" applyAlignment="1"/>
    <xf numFmtId="0" fontId="0" fillId="0" borderId="1" xfId="0" applyBorder="1" applyAlignment="1"/>
    <xf numFmtId="38" fontId="10" fillId="2" borderId="2" xfId="1" applyFont="1" applyFill="1" applyBorder="1" applyAlignment="1">
      <alignment horizontal="center" vertical="center" wrapText="1"/>
    </xf>
    <xf numFmtId="0" fontId="0" fillId="0" borderId="5" xfId="0" applyBorder="1" applyAlignment="1"/>
    <xf numFmtId="0" fontId="9" fillId="0" borderId="14" xfId="0" applyFont="1" applyBorder="1"/>
    <xf numFmtId="0" fontId="9" fillId="2" borderId="15" xfId="0" applyFont="1" applyFill="1" applyBorder="1"/>
    <xf numFmtId="0" fontId="0" fillId="0" borderId="14" xfId="0" applyBorder="1" applyAlignment="1">
      <alignment horizontal="center"/>
    </xf>
    <xf numFmtId="0" fontId="0" fillId="0" borderId="1" xfId="0" applyBorder="1" applyAlignment="1">
      <alignment horizontal="center"/>
    </xf>
    <xf numFmtId="0" fontId="0" fillId="0" borderId="18" xfId="0" applyBorder="1" applyAlignment="1"/>
    <xf numFmtId="0" fontId="0" fillId="0" borderId="9" xfId="0" quotePrefix="1" applyBorder="1"/>
    <xf numFmtId="0" fontId="10" fillId="2" borderId="7" xfId="0" applyFont="1" applyFill="1" applyBorder="1" applyAlignment="1">
      <alignment horizontal="center" vertical="center"/>
    </xf>
    <xf numFmtId="0" fontId="10" fillId="2" borderId="9" xfId="0" applyFont="1" applyFill="1" applyBorder="1"/>
    <xf numFmtId="0" fontId="10" fillId="2" borderId="0" xfId="0" applyFont="1" applyFill="1" applyBorder="1" applyAlignment="1">
      <alignment horizontal="center" vertical="center"/>
    </xf>
    <xf numFmtId="0" fontId="10" fillId="2" borderId="9" xfId="0" applyFont="1" applyFill="1" applyBorder="1" applyAlignment="1">
      <alignment horizontal="center" vertical="center"/>
    </xf>
    <xf numFmtId="0" fontId="10" fillId="2" borderId="1" xfId="0" applyFont="1" applyFill="1" applyBorder="1" applyAlignment="1">
      <alignment horizontal="center" vertical="center"/>
    </xf>
    <xf numFmtId="0" fontId="10" fillId="2" borderId="2" xfId="0" applyFont="1" applyFill="1" applyBorder="1" applyAlignment="1">
      <alignment horizontal="center" wrapText="1"/>
    </xf>
    <xf numFmtId="0" fontId="10" fillId="2" borderId="1" xfId="0" applyFont="1" applyFill="1" applyBorder="1" applyAlignment="1">
      <alignment horizontal="center" wrapText="1"/>
    </xf>
    <xf numFmtId="0" fontId="0" fillId="0" borderId="5" xfId="0" applyBorder="1" applyAlignment="1">
      <alignment wrapText="1"/>
    </xf>
    <xf numFmtId="0" fontId="0" fillId="0" borderId="0" xfId="0" applyBorder="1" applyAlignment="1">
      <alignment horizontal="center"/>
    </xf>
    <xf numFmtId="0" fontId="0" fillId="2" borderId="5" xfId="0" applyFill="1" applyBorder="1" applyAlignment="1">
      <alignment wrapText="1"/>
    </xf>
    <xf numFmtId="0" fontId="0" fillId="0" borderId="2" xfId="0" applyBorder="1" applyAlignment="1">
      <alignment wrapText="1"/>
    </xf>
    <xf numFmtId="0" fontId="0" fillId="0" borderId="1" xfId="0" applyBorder="1" applyAlignment="1">
      <alignment horizontal="left" wrapText="1"/>
    </xf>
    <xf numFmtId="0" fontId="0" fillId="2" borderId="2" xfId="0" applyFill="1" applyBorder="1" applyAlignment="1">
      <alignment wrapText="1"/>
    </xf>
    <xf numFmtId="0" fontId="4" fillId="0" borderId="8" xfId="0" applyFont="1" applyBorder="1" applyAlignment="1">
      <alignment wrapText="1"/>
    </xf>
    <xf numFmtId="0" fontId="5" fillId="0" borderId="7" xfId="0" applyFont="1" applyBorder="1" applyAlignment="1">
      <alignment horizontal="center"/>
    </xf>
    <xf numFmtId="0" fontId="5" fillId="0" borderId="8" xfId="0" applyFont="1" applyBorder="1" applyAlignment="1">
      <alignment horizontal="center"/>
    </xf>
    <xf numFmtId="0" fontId="5" fillId="2" borderId="19" xfId="0" applyFont="1" applyFill="1" applyBorder="1" applyAlignment="1">
      <alignment horizontal="center" wrapText="1"/>
    </xf>
    <xf numFmtId="0" fontId="5" fillId="2" borderId="10" xfId="0" applyFont="1" applyFill="1" applyBorder="1" applyAlignment="1">
      <alignment horizontal="center"/>
    </xf>
    <xf numFmtId="0" fontId="3" fillId="0" borderId="2" xfId="0" applyFont="1" applyBorder="1" applyAlignment="1">
      <alignment wrapText="1"/>
    </xf>
    <xf numFmtId="38" fontId="10" fillId="2" borderId="4" xfId="1" applyFont="1" applyFill="1" applyBorder="1" applyAlignment="1">
      <alignment horizontal="center" vertical="center" wrapText="1"/>
    </xf>
    <xf numFmtId="38" fontId="10" fillId="2" borderId="3" xfId="1" applyFont="1" applyFill="1" applyBorder="1" applyAlignment="1">
      <alignment horizontal="center" vertical="center" wrapText="1"/>
    </xf>
    <xf numFmtId="0" fontId="7" fillId="2" borderId="3" xfId="0" applyFont="1" applyFill="1" applyBorder="1"/>
    <xf numFmtId="0" fontId="10" fillId="2" borderId="20" xfId="0" applyFont="1" applyFill="1" applyBorder="1" applyAlignment="1">
      <alignment horizontal="center" wrapText="1"/>
    </xf>
    <xf numFmtId="0" fontId="0" fillId="0" borderId="14" xfId="0" applyBorder="1" applyAlignment="1">
      <alignment wrapText="1"/>
    </xf>
    <xf numFmtId="0" fontId="0" fillId="0" borderId="1" xfId="0" applyBorder="1" applyAlignment="1">
      <alignment wrapText="1"/>
    </xf>
    <xf numFmtId="0" fontId="9" fillId="0" borderId="4" xfId="0" applyFont="1" applyBorder="1" applyAlignment="1">
      <alignment horizontal="right"/>
    </xf>
    <xf numFmtId="0" fontId="0" fillId="0" borderId="2" xfId="0" applyBorder="1" applyAlignment="1">
      <alignment horizontal="left" wrapText="1"/>
    </xf>
    <xf numFmtId="0" fontId="9" fillId="0" borderId="3" xfId="0" applyFont="1" applyBorder="1" applyAlignment="1">
      <alignment horizontal="right"/>
    </xf>
    <xf numFmtId="0" fontId="12" fillId="2" borderId="0" xfId="0" applyFont="1" applyFill="1" applyBorder="1" applyAlignment="1">
      <alignment horizontal="center" vertical="center"/>
    </xf>
    <xf numFmtId="0" fontId="15" fillId="0" borderId="8" xfId="0" applyFont="1" applyBorder="1" applyAlignment="1">
      <alignment wrapText="1"/>
    </xf>
    <xf numFmtId="0" fontId="10" fillId="2" borderId="9" xfId="0" applyFont="1" applyFill="1" applyBorder="1" applyAlignment="1">
      <alignment horizontal="center" wrapText="1"/>
    </xf>
    <xf numFmtId="0" fontId="9" fillId="0" borderId="0" xfId="0" applyFont="1" applyBorder="1"/>
    <xf numFmtId="0" fontId="0" fillId="0" borderId="0" xfId="0" quotePrefix="1" applyBorder="1"/>
    <xf numFmtId="0" fontId="9" fillId="0" borderId="12" xfId="0" applyFont="1" applyBorder="1" applyAlignment="1">
      <alignment horizontal="right"/>
    </xf>
    <xf numFmtId="0" fontId="0" fillId="0" borderId="14" xfId="0" applyBorder="1" applyAlignment="1">
      <alignment horizontal="center" vertical="top"/>
    </xf>
    <xf numFmtId="0" fontId="0" fillId="0" borderId="18" xfId="0" applyBorder="1" applyAlignment="1">
      <alignment horizontal="center" vertical="top"/>
    </xf>
    <xf numFmtId="0" fontId="0" fillId="2" borderId="15" xfId="0" applyFill="1" applyBorder="1" applyAlignment="1">
      <alignment horizontal="center"/>
    </xf>
    <xf numFmtId="49" fontId="10" fillId="2" borderId="2" xfId="1" applyNumberFormat="1" applyFont="1" applyFill="1" applyBorder="1" applyAlignment="1">
      <alignment horizontal="center" vertical="center" wrapText="1"/>
    </xf>
    <xf numFmtId="49" fontId="10" fillId="2" borderId="2" xfId="1" applyNumberFormat="1" applyFont="1" applyFill="1" applyBorder="1" applyAlignment="1">
      <alignment horizontal="center" vertical="center"/>
    </xf>
    <xf numFmtId="0" fontId="10" fillId="2" borderId="21" xfId="0" applyFont="1" applyFill="1" applyBorder="1" applyAlignment="1">
      <alignment horizontal="center" vertical="center" wrapText="1"/>
    </xf>
    <xf numFmtId="0" fontId="10" fillId="2" borderId="20" xfId="0" applyFont="1" applyFill="1" applyBorder="1" applyAlignment="1">
      <alignment horizontal="center" vertical="center" wrapText="1"/>
    </xf>
    <xf numFmtId="0" fontId="9" fillId="0" borderId="22" xfId="0" applyFont="1" applyBorder="1"/>
    <xf numFmtId="49" fontId="10" fillId="2" borderId="2" xfId="1" applyNumberFormat="1" applyFont="1" applyFill="1" applyBorder="1" applyAlignment="1">
      <alignment horizontal="center" vertical="center" shrinkToFit="1"/>
    </xf>
    <xf numFmtId="0" fontId="9" fillId="0" borderId="12" xfId="0" applyFont="1" applyFill="1" applyBorder="1"/>
    <xf numFmtId="0" fontId="9" fillId="0" borderId="13" xfId="0" applyFont="1" applyFill="1" applyBorder="1"/>
    <xf numFmtId="38" fontId="9" fillId="0" borderId="23" xfId="1" applyFont="1" applyBorder="1"/>
    <xf numFmtId="38" fontId="9" fillId="0" borderId="24" xfId="1" applyFont="1" applyBorder="1"/>
    <xf numFmtId="0" fontId="16" fillId="2" borderId="0" xfId="0" applyFont="1" applyFill="1" applyBorder="1" applyAlignment="1">
      <alignment horizontal="left" wrapText="1"/>
    </xf>
    <xf numFmtId="0" fontId="9" fillId="2" borderId="0" xfId="0" applyFont="1" applyFill="1" applyBorder="1" applyAlignment="1"/>
    <xf numFmtId="0" fontId="9" fillId="2" borderId="0" xfId="0" applyFont="1" applyFill="1" applyBorder="1" applyAlignment="1">
      <alignment wrapText="1"/>
    </xf>
    <xf numFmtId="0" fontId="9" fillId="0" borderId="0" xfId="0" applyFont="1"/>
    <xf numFmtId="0" fontId="0" fillId="0" borderId="4" xfId="0" applyBorder="1" applyAlignment="1">
      <alignment horizontal="center" vertical="top"/>
    </xf>
    <xf numFmtId="0" fontId="4" fillId="0" borderId="18" xfId="0" applyFont="1" applyBorder="1" applyAlignment="1">
      <alignment wrapText="1"/>
    </xf>
    <xf numFmtId="0" fontId="0" fillId="2" borderId="14" xfId="0" applyFill="1" applyBorder="1" applyAlignment="1">
      <alignment wrapText="1"/>
    </xf>
    <xf numFmtId="0" fontId="9" fillId="0" borderId="15" xfId="0" applyFont="1" applyFill="1" applyBorder="1"/>
    <xf numFmtId="0" fontId="10" fillId="2" borderId="1" xfId="0" applyFont="1" applyFill="1" applyBorder="1"/>
    <xf numFmtId="38" fontId="10" fillId="2" borderId="1" xfId="1" quotePrefix="1" applyFont="1" applyFill="1" applyBorder="1" applyAlignment="1">
      <alignment horizontal="center" vertical="center" wrapText="1"/>
    </xf>
    <xf numFmtId="0" fontId="0" fillId="2" borderId="1" xfId="0" applyFont="1" applyFill="1" applyBorder="1" applyAlignment="1">
      <alignment horizontal="center" vertical="center" wrapText="1"/>
    </xf>
    <xf numFmtId="0" fontId="10" fillId="2" borderId="16" xfId="0" applyFont="1" applyFill="1" applyBorder="1" applyAlignment="1">
      <alignment horizontal="center" vertical="center" wrapText="1"/>
    </xf>
    <xf numFmtId="0" fontId="24" fillId="2" borderId="2" xfId="0" applyFont="1" applyFill="1" applyBorder="1" applyAlignment="1">
      <alignment horizontal="center" vertical="center" wrapText="1"/>
    </xf>
    <xf numFmtId="0" fontId="0" fillId="0" borderId="1" xfId="0" applyBorder="1" applyAlignment="1">
      <alignment shrinkToFit="1"/>
    </xf>
    <xf numFmtId="38" fontId="12" fillId="2" borderId="2" xfId="1" quotePrefix="1" applyFont="1" applyFill="1" applyBorder="1" applyAlignment="1">
      <alignment horizontal="center" vertical="center" wrapText="1"/>
    </xf>
    <xf numFmtId="38" fontId="10" fillId="0" borderId="5" xfId="1" applyFont="1" applyFill="1" applyBorder="1" applyAlignment="1">
      <alignment horizontal="center" vertical="center" wrapText="1"/>
    </xf>
    <xf numFmtId="57" fontId="5" fillId="0" borderId="1" xfId="0" applyNumberFormat="1" applyFont="1" applyBorder="1" applyAlignment="1">
      <alignment horizontal="right" wrapText="1"/>
    </xf>
    <xf numFmtId="0" fontId="5" fillId="0" borderId="25" xfId="0" applyFont="1" applyBorder="1" applyAlignment="1">
      <alignment horizontal="center" shrinkToFit="1"/>
    </xf>
    <xf numFmtId="57" fontId="10" fillId="2" borderId="25" xfId="0" applyNumberFormat="1" applyFont="1" applyFill="1" applyBorder="1"/>
    <xf numFmtId="57" fontId="10" fillId="2" borderId="25" xfId="0" applyNumberFormat="1" applyFont="1" applyFill="1" applyBorder="1" applyAlignment="1">
      <alignment horizontal="right"/>
    </xf>
    <xf numFmtId="57" fontId="10" fillId="2" borderId="26" xfId="0" applyNumberFormat="1" applyFont="1" applyFill="1" applyBorder="1" applyAlignment="1">
      <alignment horizontal="right"/>
    </xf>
    <xf numFmtId="57" fontId="5" fillId="0" borderId="26" xfId="0" applyNumberFormat="1" applyFont="1" applyBorder="1" applyAlignment="1">
      <alignment horizontal="right" wrapText="1"/>
    </xf>
    <xf numFmtId="57" fontId="10" fillId="2" borderId="27" xfId="0" applyNumberFormat="1" applyFont="1" applyFill="1" applyBorder="1"/>
    <xf numFmtId="57" fontId="10" fillId="2" borderId="26" xfId="0" applyNumberFormat="1" applyFont="1" applyFill="1" applyBorder="1"/>
    <xf numFmtId="0" fontId="5" fillId="0" borderId="2" xfId="0" applyFont="1" applyBorder="1" applyAlignment="1">
      <alignment horizontal="center" wrapText="1" shrinkToFit="1"/>
    </xf>
    <xf numFmtId="0" fontId="0" fillId="2" borderId="4" xfId="0" applyFill="1" applyBorder="1" applyAlignment="1">
      <alignment wrapText="1"/>
    </xf>
    <xf numFmtId="38" fontId="10" fillId="2" borderId="5" xfId="1" quotePrefix="1" applyFont="1" applyFill="1" applyBorder="1" applyAlignment="1">
      <alignment horizontal="center" vertical="center" wrapText="1"/>
    </xf>
    <xf numFmtId="0" fontId="10" fillId="2" borderId="28" xfId="0" applyFont="1" applyFill="1" applyBorder="1" applyAlignment="1">
      <alignment horizontal="center" vertical="center" wrapText="1"/>
    </xf>
    <xf numFmtId="0" fontId="11" fillId="0" borderId="5" xfId="0" applyFont="1" applyBorder="1" applyAlignment="1"/>
    <xf numFmtId="0" fontId="0" fillId="0" borderId="5" xfId="0" applyFont="1" applyBorder="1" applyAlignment="1"/>
    <xf numFmtId="0" fontId="9" fillId="0" borderId="14" xfId="0" applyFont="1" applyBorder="1" applyAlignment="1"/>
    <xf numFmtId="0" fontId="14" fillId="0" borderId="14" xfId="0" applyFont="1" applyBorder="1"/>
    <xf numFmtId="0" fontId="7" fillId="2" borderId="8" xfId="0" applyFont="1" applyFill="1" applyBorder="1" applyAlignment="1">
      <alignment horizontal="left" wrapText="1"/>
    </xf>
    <xf numFmtId="0" fontId="7" fillId="2" borderId="5" xfId="0" applyFont="1" applyFill="1" applyBorder="1" applyAlignment="1">
      <alignment horizontal="left" wrapText="1"/>
    </xf>
    <xf numFmtId="0" fontId="14" fillId="0" borderId="4" xfId="0" applyFont="1" applyBorder="1"/>
    <xf numFmtId="0" fontId="4" fillId="0" borderId="5" xfId="0" applyFont="1" applyBorder="1" applyAlignment="1">
      <alignment wrapText="1"/>
    </xf>
    <xf numFmtId="0" fontId="9" fillId="0" borderId="4" xfId="0" applyFont="1" applyBorder="1" applyAlignment="1"/>
    <xf numFmtId="0" fontId="9" fillId="0" borderId="12" xfId="0" applyFont="1" applyBorder="1"/>
    <xf numFmtId="3" fontId="10" fillId="2" borderId="5" xfId="0" applyNumberFormat="1" applyFont="1" applyFill="1" applyBorder="1" applyAlignment="1">
      <alignment horizontal="center" vertical="center" wrapText="1"/>
    </xf>
    <xf numFmtId="0" fontId="0" fillId="2" borderId="4" xfId="0" applyFill="1" applyBorder="1" applyAlignment="1">
      <alignment horizontal="left" wrapText="1"/>
    </xf>
    <xf numFmtId="0" fontId="0" fillId="2" borderId="8" xfId="0" applyFill="1" applyBorder="1" applyAlignment="1">
      <alignment horizontal="left" wrapText="1"/>
    </xf>
    <xf numFmtId="0" fontId="9" fillId="0" borderId="15" xfId="0" applyFont="1" applyBorder="1" applyAlignment="1"/>
    <xf numFmtId="0" fontId="5" fillId="2" borderId="1" xfId="0" applyFont="1" applyFill="1" applyBorder="1" applyAlignment="1">
      <alignment horizontal="center" vertical="center" wrapText="1"/>
    </xf>
    <xf numFmtId="0" fontId="0" fillId="2" borderId="14" xfId="0" applyFill="1" applyBorder="1" applyAlignment="1">
      <alignment horizontal="left" wrapText="1"/>
    </xf>
    <xf numFmtId="0" fontId="0" fillId="0" borderId="18" xfId="0" applyBorder="1" applyAlignment="1">
      <alignment horizontal="left" wrapText="1"/>
    </xf>
    <xf numFmtId="0" fontId="0" fillId="2" borderId="14" xfId="0" applyFill="1" applyBorder="1" applyAlignment="1">
      <alignment horizontal="left"/>
    </xf>
    <xf numFmtId="0" fontId="0" fillId="2" borderId="5" xfId="0" applyFont="1" applyFill="1" applyBorder="1" applyAlignment="1">
      <alignment wrapText="1"/>
    </xf>
    <xf numFmtId="0" fontId="0" fillId="0" borderId="16" xfId="0" applyBorder="1" applyAlignment="1">
      <alignment horizontal="left" wrapText="1"/>
    </xf>
    <xf numFmtId="57" fontId="10" fillId="2" borderId="29" xfId="0" applyNumberFormat="1" applyFont="1" applyFill="1" applyBorder="1"/>
    <xf numFmtId="0" fontId="0" fillId="2" borderId="4" xfId="0" applyFill="1" applyBorder="1" applyAlignment="1">
      <alignment horizontal="left"/>
    </xf>
    <xf numFmtId="0" fontId="0" fillId="0" borderId="8" xfId="0" applyBorder="1" applyAlignment="1">
      <alignment horizontal="left" wrapText="1"/>
    </xf>
    <xf numFmtId="0" fontId="9" fillId="0" borderId="12" xfId="0" applyFont="1" applyBorder="1" applyAlignment="1"/>
    <xf numFmtId="0" fontId="0" fillId="0" borderId="3" xfId="0" applyFill="1" applyBorder="1" applyAlignment="1">
      <alignment horizontal="left"/>
    </xf>
    <xf numFmtId="0" fontId="0" fillId="2" borderId="3" xfId="0" applyFill="1" applyBorder="1" applyAlignment="1">
      <alignment horizontal="left"/>
    </xf>
    <xf numFmtId="0" fontId="0" fillId="0" borderId="18" xfId="0" applyBorder="1" applyAlignment="1">
      <alignment wrapText="1"/>
    </xf>
    <xf numFmtId="0" fontId="9" fillId="0" borderId="12" xfId="0" applyFont="1" applyFill="1" applyBorder="1" applyAlignment="1">
      <alignment horizontal="right"/>
    </xf>
    <xf numFmtId="0" fontId="11" fillId="0" borderId="13" xfId="0" applyFont="1" applyFill="1" applyBorder="1" applyAlignment="1">
      <alignment horizontal="center"/>
    </xf>
    <xf numFmtId="57" fontId="10" fillId="2" borderId="30" xfId="0" applyNumberFormat="1" applyFont="1" applyFill="1" applyBorder="1"/>
    <xf numFmtId="3" fontId="10" fillId="2" borderId="5" xfId="0" applyNumberFormat="1" applyFont="1" applyFill="1" applyBorder="1" applyAlignment="1">
      <alignment horizontal="center" vertical="center"/>
    </xf>
    <xf numFmtId="0" fontId="10" fillId="2" borderId="7" xfId="0" applyFont="1" applyFill="1" applyBorder="1" applyAlignment="1">
      <alignment horizontal="center" wrapText="1"/>
    </xf>
    <xf numFmtId="0" fontId="10" fillId="2" borderId="5" xfId="0" applyFont="1" applyFill="1" applyBorder="1" applyAlignment="1">
      <alignment horizontal="center" wrapText="1"/>
    </xf>
    <xf numFmtId="0" fontId="0" fillId="0" borderId="8" xfId="0" applyBorder="1" applyAlignment="1">
      <alignment horizontal="center"/>
    </xf>
    <xf numFmtId="0" fontId="0" fillId="0" borderId="3" xfId="0" applyBorder="1"/>
    <xf numFmtId="0" fontId="0" fillId="0" borderId="16" xfId="0" applyBorder="1" applyAlignment="1">
      <alignment horizontal="center"/>
    </xf>
    <xf numFmtId="0" fontId="0" fillId="0" borderId="3" xfId="0" applyBorder="1" applyAlignment="1">
      <alignment vertical="center" textRotation="255"/>
    </xf>
    <xf numFmtId="0" fontId="13" fillId="3" borderId="10" xfId="0" applyFont="1" applyFill="1" applyBorder="1" applyAlignment="1">
      <alignment wrapText="1"/>
    </xf>
    <xf numFmtId="0" fontId="18" fillId="3" borderId="10" xfId="0" applyFont="1" applyFill="1" applyBorder="1" applyAlignment="1">
      <alignment wrapText="1"/>
    </xf>
    <xf numFmtId="0" fontId="19" fillId="3" borderId="10" xfId="0" applyFont="1" applyFill="1" applyBorder="1"/>
    <xf numFmtId="0" fontId="20" fillId="0" borderId="5" xfId="0" applyFont="1" applyBorder="1"/>
    <xf numFmtId="0" fontId="19" fillId="3" borderId="4" xfId="0" applyFont="1" applyFill="1" applyBorder="1"/>
    <xf numFmtId="0" fontId="19" fillId="3" borderId="7" xfId="0" applyFont="1" applyFill="1" applyBorder="1"/>
    <xf numFmtId="0" fontId="8" fillId="4" borderId="10" xfId="0" applyFont="1" applyFill="1" applyBorder="1" applyAlignment="1">
      <alignment horizontal="left" wrapText="1"/>
    </xf>
    <xf numFmtId="0" fontId="9" fillId="4" borderId="12" xfId="0" applyFont="1" applyFill="1" applyBorder="1"/>
    <xf numFmtId="0" fontId="9" fillId="4" borderId="13" xfId="0" applyFont="1" applyFill="1" applyBorder="1"/>
    <xf numFmtId="0" fontId="20" fillId="0" borderId="7" xfId="0" applyFont="1" applyFill="1" applyBorder="1"/>
    <xf numFmtId="0" fontId="20" fillId="0" borderId="5" xfId="0" applyFont="1" applyBorder="1" applyAlignment="1">
      <alignment horizontal="left"/>
    </xf>
    <xf numFmtId="0" fontId="21" fillId="0" borderId="5" xfId="0" applyFont="1" applyBorder="1"/>
    <xf numFmtId="0" fontId="20" fillId="0" borderId="1" xfId="0" applyFont="1" applyBorder="1"/>
    <xf numFmtId="0" fontId="9" fillId="4" borderId="12" xfId="0" applyFont="1" applyFill="1" applyBorder="1" applyAlignment="1">
      <alignment horizontal="right"/>
    </xf>
    <xf numFmtId="0" fontId="9" fillId="4" borderId="13" xfId="0" applyFont="1" applyFill="1" applyBorder="1" applyAlignment="1">
      <alignment horizontal="right"/>
    </xf>
    <xf numFmtId="0" fontId="9" fillId="4" borderId="15" xfId="0" applyFont="1" applyFill="1" applyBorder="1" applyAlignment="1">
      <alignment horizontal="right"/>
    </xf>
    <xf numFmtId="0" fontId="9" fillId="0" borderId="4" xfId="0" applyFont="1" applyFill="1" applyBorder="1"/>
    <xf numFmtId="0" fontId="9" fillId="0" borderId="3" xfId="0" applyFont="1" applyFill="1" applyBorder="1" applyAlignment="1">
      <alignment horizontal="center"/>
    </xf>
    <xf numFmtId="0" fontId="11" fillId="4" borderId="15" xfId="0" applyFont="1" applyFill="1" applyBorder="1" applyAlignment="1">
      <alignment horizontal="center"/>
    </xf>
    <xf numFmtId="0" fontId="11" fillId="4" borderId="13" xfId="0" applyFont="1" applyFill="1" applyBorder="1" applyAlignment="1">
      <alignment horizontal="center"/>
    </xf>
    <xf numFmtId="0" fontId="19" fillId="3" borderId="19" xfId="0" applyFont="1" applyFill="1" applyBorder="1"/>
    <xf numFmtId="0" fontId="19" fillId="3" borderId="31" xfId="0" applyFont="1" applyFill="1" applyBorder="1"/>
    <xf numFmtId="0" fontId="20" fillId="3" borderId="5" xfId="0" applyFont="1" applyFill="1" applyBorder="1" applyAlignment="1">
      <alignment horizontal="left"/>
    </xf>
    <xf numFmtId="0" fontId="19" fillId="3" borderId="10" xfId="0" applyFont="1" applyFill="1" applyBorder="1" applyAlignment="1">
      <alignment horizontal="left"/>
    </xf>
    <xf numFmtId="0" fontId="13" fillId="3" borderId="5" xfId="0" applyFont="1" applyFill="1" applyBorder="1" applyAlignment="1">
      <alignment wrapText="1"/>
    </xf>
    <xf numFmtId="0" fontId="22" fillId="0" borderId="4" xfId="0" applyFont="1" applyBorder="1" applyAlignment="1">
      <alignment horizontal="left" wrapText="1"/>
    </xf>
    <xf numFmtId="0" fontId="22" fillId="0" borderId="32" xfId="0" applyFont="1" applyBorder="1" applyAlignment="1">
      <alignment wrapText="1"/>
    </xf>
    <xf numFmtId="0" fontId="22" fillId="0" borderId="14" xfId="0" applyFont="1" applyBorder="1" applyAlignment="1">
      <alignment horizontal="left" wrapText="1"/>
    </xf>
    <xf numFmtId="0" fontId="22" fillId="0" borderId="33" xfId="0" applyFont="1" applyBorder="1" applyAlignment="1">
      <alignment wrapText="1"/>
    </xf>
    <xf numFmtId="0" fontId="0" fillId="0" borderId="5" xfId="0" applyBorder="1" applyAlignment="1">
      <alignment vertical="center" textRotation="255"/>
    </xf>
    <xf numFmtId="0" fontId="0" fillId="0" borderId="1" xfId="0" applyBorder="1" applyAlignment="1">
      <alignment vertical="center" textRotation="255"/>
    </xf>
    <xf numFmtId="0" fontId="0" fillId="0" borderId="2" xfId="0" applyBorder="1" applyAlignment="1">
      <alignment vertical="center" textRotation="255"/>
    </xf>
    <xf numFmtId="0" fontId="0" fillId="3" borderId="5" xfId="0" applyFill="1" applyBorder="1" applyAlignment="1">
      <alignment vertical="center" textRotation="255"/>
    </xf>
    <xf numFmtId="0" fontId="0" fillId="3" borderId="1" xfId="0" applyFill="1" applyBorder="1" applyAlignment="1">
      <alignment vertical="center" textRotation="255"/>
    </xf>
    <xf numFmtId="0" fontId="0" fillId="0" borderId="5" xfId="0" applyBorder="1" applyAlignment="1">
      <alignment horizontal="center" wrapText="1"/>
    </xf>
    <xf numFmtId="0" fontId="0" fillId="0" borderId="2" xfId="0" applyBorder="1" applyAlignment="1">
      <alignment horizontal="center" wrapText="1"/>
    </xf>
    <xf numFmtId="0" fontId="5" fillId="2" borderId="5" xfId="0" applyFont="1" applyFill="1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5" fillId="2" borderId="34" xfId="0" applyFont="1" applyFill="1" applyBorder="1" applyAlignment="1">
      <alignment horizontal="center" vertical="center" wrapText="1"/>
    </xf>
    <xf numFmtId="0" fontId="0" fillId="0" borderId="35" xfId="0" applyBorder="1" applyAlignment="1">
      <alignment horizontal="center" vertical="center" wrapText="1"/>
    </xf>
    <xf numFmtId="0" fontId="14" fillId="0" borderId="4" xfId="0" applyFont="1" applyFill="1" applyBorder="1" applyAlignment="1">
      <alignment shrinkToFit="1"/>
    </xf>
    <xf numFmtId="0" fontId="14" fillId="0" borderId="8" xfId="0" applyFont="1" applyBorder="1" applyAlignment="1">
      <alignment shrinkToFit="1"/>
    </xf>
    <xf numFmtId="0" fontId="0" fillId="0" borderId="3" xfId="0" applyBorder="1" applyAlignment="1">
      <alignment wrapText="1"/>
    </xf>
    <xf numFmtId="0" fontId="0" fillId="0" borderId="16" xfId="0" applyBorder="1" applyAlignment="1"/>
    <xf numFmtId="0" fontId="5" fillId="2" borderId="35" xfId="0" applyFont="1" applyFill="1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22" fillId="0" borderId="4" xfId="0" applyFont="1" applyBorder="1" applyAlignment="1">
      <alignment wrapText="1"/>
    </xf>
    <xf numFmtId="0" fontId="22" fillId="0" borderId="8" xfId="0" applyFont="1" applyBorder="1" applyAlignment="1"/>
    <xf numFmtId="0" fontId="14" fillId="0" borderId="4" xfId="0" applyFont="1" applyBorder="1" applyAlignment="1">
      <alignment wrapText="1"/>
    </xf>
    <xf numFmtId="0" fontId="14" fillId="0" borderId="8" xfId="0" applyFont="1" applyBorder="1" applyAlignment="1"/>
    <xf numFmtId="0" fontId="25" fillId="0" borderId="4" xfId="0" applyFont="1" applyFill="1" applyBorder="1" applyAlignment="1">
      <alignment shrinkToFit="1"/>
    </xf>
    <xf numFmtId="0" fontId="25" fillId="0" borderId="8" xfId="0" applyFont="1" applyBorder="1" applyAlignment="1">
      <alignment shrinkToFit="1"/>
    </xf>
    <xf numFmtId="0" fontId="0" fillId="2" borderId="3" xfId="0" applyFill="1" applyBorder="1" applyAlignment="1">
      <alignment wrapText="1"/>
    </xf>
    <xf numFmtId="0" fontId="0" fillId="0" borderId="16" xfId="0" applyBorder="1" applyAlignment="1">
      <alignment wrapText="1"/>
    </xf>
    <xf numFmtId="0" fontId="5" fillId="2" borderId="2" xfId="0" applyFont="1" applyFill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0" fillId="0" borderId="5" xfId="0" applyBorder="1" applyAlignment="1">
      <alignment horizontal="center" vertical="center" textRotation="255" wrapText="1"/>
    </xf>
    <xf numFmtId="0" fontId="0" fillId="0" borderId="1" xfId="0" applyBorder="1" applyAlignment="1">
      <alignment horizontal="center" vertical="center" textRotation="255" wrapText="1"/>
    </xf>
    <xf numFmtId="0" fontId="0" fillId="0" borderId="2" xfId="0" applyBorder="1" applyAlignment="1">
      <alignment horizontal="center" vertical="center" textRotation="255" wrapText="1"/>
    </xf>
    <xf numFmtId="0" fontId="0" fillId="2" borderId="3" xfId="0" applyFill="1" applyBorder="1" applyAlignment="1">
      <alignment horizontal="left" wrapText="1"/>
    </xf>
    <xf numFmtId="0" fontId="0" fillId="2" borderId="16" xfId="0" applyFill="1" applyBorder="1" applyAlignment="1">
      <alignment horizontal="left" wrapText="1"/>
    </xf>
    <xf numFmtId="0" fontId="14" fillId="0" borderId="8" xfId="0" applyFont="1" applyBorder="1" applyAlignment="1">
      <alignment wrapText="1"/>
    </xf>
    <xf numFmtId="0" fontId="0" fillId="0" borderId="5" xfId="0" applyBorder="1" applyAlignment="1"/>
    <xf numFmtId="0" fontId="0" fillId="0" borderId="2" xfId="0" applyBorder="1" applyAlignment="1"/>
    <xf numFmtId="0" fontId="5" fillId="2" borderId="34" xfId="0" applyFont="1" applyFill="1" applyBorder="1" applyAlignment="1">
      <alignment horizontal="center" wrapText="1"/>
    </xf>
    <xf numFmtId="0" fontId="5" fillId="2" borderId="35" xfId="0" applyFont="1" applyFill="1" applyBorder="1" applyAlignment="1">
      <alignment horizontal="center" wrapText="1"/>
    </xf>
    <xf numFmtId="0" fontId="10" fillId="2" borderId="5" xfId="0" applyFont="1" applyFill="1" applyBorder="1" applyAlignment="1">
      <alignment horizontal="center" vertical="center" wrapText="1"/>
    </xf>
    <xf numFmtId="0" fontId="10" fillId="2" borderId="2" xfId="0" applyFont="1" applyFill="1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10" xfId="0" applyBorder="1" applyAlignment="1"/>
    <xf numFmtId="0" fontId="0" fillId="0" borderId="10" xfId="0" applyBorder="1" applyAlignment="1">
      <alignment wrapText="1"/>
    </xf>
    <xf numFmtId="0" fontId="22" fillId="0" borderId="4" xfId="0" applyFont="1" applyFill="1" applyBorder="1" applyAlignment="1">
      <alignment wrapText="1"/>
    </xf>
    <xf numFmtId="0" fontId="22" fillId="0" borderId="8" xfId="0" applyFont="1" applyBorder="1" applyAlignment="1">
      <alignment wrapText="1"/>
    </xf>
    <xf numFmtId="0" fontId="0" fillId="2" borderId="16" xfId="0" applyFill="1" applyBorder="1" applyAlignment="1">
      <alignment wrapText="1"/>
    </xf>
    <xf numFmtId="0" fontId="0" fillId="0" borderId="4" xfId="0" applyBorder="1" applyAlignment="1"/>
    <xf numFmtId="0" fontId="0" fillId="0" borderId="8" xfId="0" applyBorder="1" applyAlignment="1"/>
    <xf numFmtId="38" fontId="0" fillId="0" borderId="5" xfId="1" applyFont="1" applyBorder="1" applyAlignment="1">
      <alignment horizontal="center" vertical="center" wrapText="1"/>
    </xf>
    <xf numFmtId="38" fontId="0" fillId="0" borderId="2" xfId="1" applyFont="1" applyBorder="1" applyAlignment="1">
      <alignment horizontal="center" vertical="center" wrapText="1"/>
    </xf>
    <xf numFmtId="0" fontId="11" fillId="2" borderId="5" xfId="0" applyFont="1" applyFill="1" applyBorder="1" applyAlignment="1">
      <alignment horizontal="center" vertical="center" wrapText="1"/>
    </xf>
    <xf numFmtId="0" fontId="11" fillId="0" borderId="2" xfId="0" applyFont="1" applyBorder="1" applyAlignment="1">
      <alignment horizontal="center" vertical="center" wrapText="1"/>
    </xf>
    <xf numFmtId="0" fontId="22" fillId="2" borderId="4" xfId="0" applyFont="1" applyFill="1" applyBorder="1" applyAlignment="1">
      <alignment wrapText="1"/>
    </xf>
    <xf numFmtId="0" fontId="22" fillId="2" borderId="8" xfId="0" applyFont="1" applyFill="1" applyBorder="1" applyAlignment="1">
      <alignment wrapText="1"/>
    </xf>
    <xf numFmtId="0" fontId="14" fillId="2" borderId="4" xfId="0" applyFont="1" applyFill="1" applyBorder="1" applyAlignment="1">
      <alignment wrapText="1"/>
    </xf>
    <xf numFmtId="0" fontId="14" fillId="2" borderId="8" xfId="0" applyFont="1" applyFill="1" applyBorder="1" applyAlignment="1">
      <alignment wrapText="1"/>
    </xf>
    <xf numFmtId="0" fontId="22" fillId="2" borderId="4" xfId="0" applyFont="1" applyFill="1" applyBorder="1" applyAlignment="1">
      <alignment vertical="center" shrinkToFit="1"/>
    </xf>
    <xf numFmtId="0" fontId="22" fillId="2" borderId="8" xfId="0" applyFont="1" applyFill="1" applyBorder="1" applyAlignment="1">
      <alignment vertical="center" shrinkToFit="1"/>
    </xf>
    <xf numFmtId="0" fontId="0" fillId="0" borderId="19" xfId="0" applyBorder="1" applyAlignment="1">
      <alignment horizontal="center" wrapText="1"/>
    </xf>
    <xf numFmtId="0" fontId="0" fillId="0" borderId="39" xfId="0" applyBorder="1" applyAlignment="1">
      <alignment horizontal="center" wrapText="1"/>
    </xf>
    <xf numFmtId="0" fontId="8" fillId="2" borderId="19" xfId="0" applyFont="1" applyFill="1" applyBorder="1" applyAlignment="1">
      <alignment horizontal="left" vertical="center" wrapText="1"/>
    </xf>
    <xf numFmtId="0" fontId="8" fillId="2" borderId="31" xfId="0" applyFont="1" applyFill="1" applyBorder="1" applyAlignment="1">
      <alignment horizontal="left" vertical="center" wrapText="1"/>
    </xf>
    <xf numFmtId="0" fontId="8" fillId="2" borderId="39" xfId="0" applyFont="1" applyFill="1" applyBorder="1" applyAlignment="1">
      <alignment horizontal="left" vertical="center" wrapText="1"/>
    </xf>
    <xf numFmtId="0" fontId="12" fillId="2" borderId="40" xfId="0" applyFont="1" applyFill="1" applyBorder="1" applyAlignment="1">
      <alignment horizontal="left" wrapText="1"/>
    </xf>
    <xf numFmtId="0" fontId="12" fillId="2" borderId="31" xfId="0" applyFont="1" applyFill="1" applyBorder="1" applyAlignment="1">
      <alignment horizontal="left" wrapText="1"/>
    </xf>
    <xf numFmtId="0" fontId="12" fillId="2" borderId="39" xfId="0" applyFont="1" applyFill="1" applyBorder="1" applyAlignment="1">
      <alignment horizontal="left" wrapText="1"/>
    </xf>
    <xf numFmtId="0" fontId="5" fillId="2" borderId="1" xfId="0" applyFont="1" applyFill="1" applyBorder="1" applyAlignment="1">
      <alignment horizontal="center" vertical="center" wrapText="1"/>
    </xf>
    <xf numFmtId="0" fontId="0" fillId="0" borderId="5" xfId="0" applyBorder="1" applyAlignment="1">
      <alignment wrapText="1"/>
    </xf>
    <xf numFmtId="0" fontId="0" fillId="0" borderId="1" xfId="0" applyBorder="1" applyAlignment="1">
      <alignment wrapText="1"/>
    </xf>
    <xf numFmtId="0" fontId="0" fillId="0" borderId="16" xfId="0" applyBorder="1" applyAlignment="1">
      <alignment horizontal="left" wrapText="1"/>
    </xf>
    <xf numFmtId="0" fontId="0" fillId="0" borderId="1" xfId="0" applyBorder="1" applyAlignment="1">
      <alignment horizontal="center" wrapText="1"/>
    </xf>
    <xf numFmtId="0" fontId="14" fillId="0" borderId="4" xfId="0" applyFont="1" applyBorder="1" applyAlignment="1">
      <alignment shrinkToFit="1"/>
    </xf>
    <xf numFmtId="0" fontId="0" fillId="2" borderId="4" xfId="0" applyFill="1" applyBorder="1" applyAlignment="1">
      <alignment horizontal="left" wrapText="1"/>
    </xf>
    <xf numFmtId="0" fontId="0" fillId="2" borderId="8" xfId="0" applyFill="1" applyBorder="1" applyAlignment="1">
      <alignment horizontal="left" wrapText="1"/>
    </xf>
    <xf numFmtId="0" fontId="0" fillId="2" borderId="14" xfId="0" applyFill="1" applyBorder="1" applyAlignment="1">
      <alignment horizontal="left" wrapText="1"/>
    </xf>
    <xf numFmtId="0" fontId="0" fillId="2" borderId="18" xfId="0" applyFill="1" applyBorder="1" applyAlignment="1">
      <alignment horizontal="left" wrapText="1"/>
    </xf>
    <xf numFmtId="0" fontId="0" fillId="0" borderId="4" xfId="0" applyBorder="1" applyAlignment="1">
      <alignment horizontal="left"/>
    </xf>
    <xf numFmtId="0" fontId="0" fillId="0" borderId="3" xfId="0" applyBorder="1" applyAlignment="1">
      <alignment horizontal="left" wrapText="1"/>
    </xf>
    <xf numFmtId="0" fontId="0" fillId="0" borderId="5" xfId="0" applyBorder="1" applyAlignment="1">
      <alignment horizontal="center" vertical="center" textRotation="255"/>
    </xf>
    <xf numFmtId="0" fontId="0" fillId="0" borderId="2" xfId="0" applyBorder="1" applyAlignment="1">
      <alignment horizontal="center" vertical="center" textRotation="255"/>
    </xf>
    <xf numFmtId="0" fontId="0" fillId="0" borderId="4" xfId="0" applyBorder="1" applyAlignment="1">
      <alignment horizontal="center" vertical="top"/>
    </xf>
    <xf numFmtId="0" fontId="0" fillId="0" borderId="8" xfId="0" applyBorder="1" applyAlignment="1">
      <alignment horizontal="center" vertical="top"/>
    </xf>
    <xf numFmtId="0" fontId="0" fillId="0" borderId="3" xfId="0" applyBorder="1" applyAlignment="1">
      <alignment horizontal="center" vertical="top"/>
    </xf>
    <xf numFmtId="0" fontId="0" fillId="0" borderId="16" xfId="0" applyBorder="1" applyAlignment="1">
      <alignment horizontal="center" vertical="top"/>
    </xf>
    <xf numFmtId="0" fontId="22" fillId="0" borderId="37" xfId="0" applyFont="1" applyBorder="1" applyAlignment="1">
      <alignment wrapText="1"/>
    </xf>
    <xf numFmtId="0" fontId="22" fillId="0" borderId="38" xfId="0" applyFont="1" applyBorder="1" applyAlignment="1">
      <alignment wrapText="1"/>
    </xf>
    <xf numFmtId="0" fontId="5" fillId="0" borderId="5" xfId="0" applyFont="1" applyBorder="1" applyAlignment="1">
      <alignment horizontal="center" wrapText="1"/>
    </xf>
    <xf numFmtId="0" fontId="5" fillId="0" borderId="2" xfId="0" applyFont="1" applyBorder="1" applyAlignment="1">
      <alignment horizontal="center" wrapText="1"/>
    </xf>
    <xf numFmtId="0" fontId="22" fillId="2" borderId="8" xfId="0" applyFont="1" applyFill="1" applyBorder="1" applyAlignment="1"/>
    <xf numFmtId="0" fontId="0" fillId="0" borderId="3" xfId="0" applyBorder="1" applyAlignment="1"/>
    <xf numFmtId="0" fontId="14" fillId="0" borderId="37" xfId="0" applyFont="1" applyBorder="1" applyAlignment="1">
      <alignment wrapText="1"/>
    </xf>
    <xf numFmtId="0" fontId="14" fillId="0" borderId="38" xfId="0" applyFont="1" applyBorder="1" applyAlignment="1">
      <alignment wrapText="1"/>
    </xf>
    <xf numFmtId="0" fontId="14" fillId="0" borderId="19" xfId="0" applyFont="1" applyFill="1" applyBorder="1" applyAlignment="1">
      <alignment wrapText="1"/>
    </xf>
    <xf numFmtId="0" fontId="14" fillId="0" borderId="8" xfId="0" applyFont="1" applyFill="1" applyBorder="1" applyAlignment="1">
      <alignment wrapText="1"/>
    </xf>
    <xf numFmtId="0" fontId="0" fillId="0" borderId="1" xfId="0" applyBorder="1" applyAlignment="1">
      <alignment horizontal="center" vertical="center" textRotation="255"/>
    </xf>
    <xf numFmtId="0" fontId="0" fillId="0" borderId="3" xfId="0" applyBorder="1" applyAlignment="1">
      <alignment horizontal="left"/>
    </xf>
    <xf numFmtId="0" fontId="0" fillId="0" borderId="16" xfId="0" applyBorder="1" applyAlignment="1">
      <alignment horizontal="left"/>
    </xf>
    <xf numFmtId="0" fontId="5" fillId="2" borderId="36" xfId="0" applyFont="1" applyFill="1" applyBorder="1" applyAlignment="1">
      <alignment horizontal="center" vertical="center" wrapText="1"/>
    </xf>
    <xf numFmtId="0" fontId="22" fillId="0" borderId="4" xfId="0" applyFont="1" applyBorder="1" applyAlignment="1">
      <alignment horizontal="left" wrapText="1"/>
    </xf>
    <xf numFmtId="0" fontId="22" fillId="0" borderId="8" xfId="0" applyFont="1" applyBorder="1" applyAlignment="1">
      <alignment horizontal="left" wrapText="1"/>
    </xf>
    <xf numFmtId="0" fontId="0" fillId="0" borderId="8" xfId="0" applyBorder="1" applyAlignment="1">
      <alignment shrinkToFit="1"/>
    </xf>
    <xf numFmtId="0" fontId="20" fillId="0" borderId="8" xfId="0" applyFont="1" applyBorder="1" applyAlignment="1">
      <alignment wrapText="1"/>
    </xf>
    <xf numFmtId="0" fontId="23" fillId="0" borderId="4" xfId="0" applyFont="1" applyFill="1" applyBorder="1" applyAlignment="1">
      <alignment shrinkToFit="1"/>
    </xf>
    <xf numFmtId="0" fontId="23" fillId="0" borderId="8" xfId="0" applyFont="1" applyBorder="1" applyAlignment="1">
      <alignment shrinkToFi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170"/>
  <sheetViews>
    <sheetView tabSelected="1" view="pageBreakPreview" zoomScale="80" zoomScaleNormal="100" zoomScaleSheetLayoutView="80" workbookViewId="0">
      <pane xSplit="5" ySplit="5" topLeftCell="F6" activePane="bottomRight" state="frozen"/>
      <selection pane="topRight" activeCell="E1" sqref="E1"/>
      <selection pane="bottomLeft" activeCell="A6" sqref="A6"/>
      <selection pane="bottomRight" activeCell="A2" sqref="A2"/>
    </sheetView>
  </sheetViews>
  <sheetFormatPr defaultRowHeight="20.100000000000001" customHeight="1" x14ac:dyDescent="0.15"/>
  <cols>
    <col min="1" max="1" width="2.75" customWidth="1"/>
    <col min="2" max="2" width="3.75" customWidth="1"/>
    <col min="3" max="3" width="4" customWidth="1"/>
    <col min="4" max="5" width="20.625" customWidth="1"/>
    <col min="6" max="6" width="9.75" customWidth="1"/>
    <col min="7" max="7" width="24.375" customWidth="1"/>
    <col min="8" max="8" width="5.875" customWidth="1"/>
    <col min="9" max="9" width="20.125" customWidth="1"/>
    <col min="10" max="10" width="28.625" bestFit="1" customWidth="1"/>
    <col min="11" max="11" width="6.75" customWidth="1"/>
    <col min="12" max="12" width="6.25" customWidth="1"/>
    <col min="13" max="13" width="11" customWidth="1"/>
    <col min="14" max="14" width="11.25" customWidth="1"/>
    <col min="15" max="15" width="10.25" customWidth="1"/>
    <col min="16" max="17" width="8.375" customWidth="1"/>
    <col min="18" max="18" width="11" customWidth="1"/>
    <col min="19" max="19" width="12.625" customWidth="1"/>
    <col min="20" max="20" width="10.75" hidden="1" customWidth="1"/>
    <col min="21" max="21" width="44.125" hidden="1" customWidth="1"/>
  </cols>
  <sheetData>
    <row r="1" spans="1:21" ht="6" customHeight="1" x14ac:dyDescent="0.15"/>
    <row r="2" spans="1:21" ht="18.75" customHeight="1" x14ac:dyDescent="0.15">
      <c r="D2" s="3"/>
      <c r="E2" s="3"/>
      <c r="F2" s="5" t="s">
        <v>79</v>
      </c>
      <c r="G2" s="5"/>
      <c r="H2" s="5"/>
      <c r="O2" s="14" t="s">
        <v>750</v>
      </c>
      <c r="P2" s="14"/>
      <c r="Q2" s="14"/>
    </row>
    <row r="3" spans="1:21" ht="9.9499999999999993" customHeight="1" x14ac:dyDescent="0.15">
      <c r="D3" s="3"/>
      <c r="E3" s="3"/>
      <c r="F3" s="5"/>
      <c r="G3" s="5"/>
      <c r="H3" s="5"/>
    </row>
    <row r="4" spans="1:21" ht="23.25" customHeight="1" thickBot="1" x14ac:dyDescent="0.2">
      <c r="A4" s="16"/>
      <c r="B4" s="195" t="s">
        <v>12</v>
      </c>
      <c r="C4" s="305" t="s">
        <v>8</v>
      </c>
      <c r="D4" s="307" t="s">
        <v>13</v>
      </c>
      <c r="E4" s="308"/>
      <c r="F4" s="307" t="s">
        <v>58</v>
      </c>
      <c r="G4" s="308"/>
      <c r="H4" s="307" t="s">
        <v>80</v>
      </c>
      <c r="I4" s="308"/>
      <c r="J4" s="10" t="s">
        <v>70</v>
      </c>
      <c r="K4" s="9" t="s">
        <v>2</v>
      </c>
      <c r="L4" s="12"/>
      <c r="M4" s="13" t="s">
        <v>1</v>
      </c>
      <c r="N4" s="13" t="s">
        <v>67</v>
      </c>
      <c r="O4" s="33" t="s">
        <v>6</v>
      </c>
      <c r="P4" s="101" t="s">
        <v>73</v>
      </c>
      <c r="Q4" s="102"/>
      <c r="R4" s="13" t="s">
        <v>3</v>
      </c>
      <c r="S4" s="151" t="s">
        <v>518</v>
      </c>
      <c r="T4" s="313" t="s">
        <v>7</v>
      </c>
      <c r="U4" s="313" t="s">
        <v>7</v>
      </c>
    </row>
    <row r="5" spans="1:21" ht="25.5" customHeight="1" x14ac:dyDescent="0.15">
      <c r="A5" s="196"/>
      <c r="B5" s="197"/>
      <c r="C5" s="306"/>
      <c r="D5" s="309"/>
      <c r="E5" s="310"/>
      <c r="F5" s="309"/>
      <c r="G5" s="310"/>
      <c r="H5" s="309"/>
      <c r="I5" s="310"/>
      <c r="J5" s="8"/>
      <c r="K5" s="7"/>
      <c r="L5" s="11" t="s">
        <v>0</v>
      </c>
      <c r="M5" s="86"/>
      <c r="N5" s="4" t="s">
        <v>68</v>
      </c>
      <c r="O5" s="105" t="s">
        <v>81</v>
      </c>
      <c r="P5" s="103" t="s">
        <v>74</v>
      </c>
      <c r="Q5" s="104" t="s">
        <v>75</v>
      </c>
      <c r="R5" s="8" t="s">
        <v>76</v>
      </c>
      <c r="S5" s="158" t="s">
        <v>519</v>
      </c>
      <c r="T5" s="314"/>
      <c r="U5" s="314"/>
    </row>
    <row r="6" spans="1:21" ht="18.75" customHeight="1" x14ac:dyDescent="0.2">
      <c r="A6" s="228" t="s">
        <v>747</v>
      </c>
      <c r="B6" s="297">
        <v>1</v>
      </c>
      <c r="C6" s="255" t="s">
        <v>14</v>
      </c>
      <c r="D6" s="311" t="s">
        <v>15</v>
      </c>
      <c r="E6" s="312"/>
      <c r="F6" s="16" t="s">
        <v>190</v>
      </c>
      <c r="G6" s="22"/>
      <c r="H6" s="100" t="s">
        <v>82</v>
      </c>
      <c r="I6" s="202" t="s">
        <v>333</v>
      </c>
      <c r="J6" s="94" t="s">
        <v>710</v>
      </c>
      <c r="K6" s="34">
        <v>120</v>
      </c>
      <c r="L6" s="206">
        <v>120</v>
      </c>
      <c r="M6" s="87" t="s">
        <v>213</v>
      </c>
      <c r="N6" s="48" t="s">
        <v>4</v>
      </c>
      <c r="O6" s="45" t="s">
        <v>556</v>
      </c>
      <c r="P6" s="235" t="s">
        <v>83</v>
      </c>
      <c r="Q6" s="235" t="s">
        <v>78</v>
      </c>
      <c r="R6" s="48" t="s">
        <v>84</v>
      </c>
      <c r="S6" s="152">
        <v>38431</v>
      </c>
      <c r="T6" s="6"/>
      <c r="U6" s="269" t="s">
        <v>16</v>
      </c>
    </row>
    <row r="7" spans="1:21" ht="18.75" customHeight="1" x14ac:dyDescent="0.2">
      <c r="A7" s="229"/>
      <c r="B7" s="297"/>
      <c r="C7" s="256"/>
      <c r="D7" s="205" t="s">
        <v>9</v>
      </c>
      <c r="E7" s="29"/>
      <c r="F7" s="251" t="s">
        <v>17</v>
      </c>
      <c r="G7" s="252"/>
      <c r="H7" s="200" t="s">
        <v>85</v>
      </c>
      <c r="I7" s="203" t="s">
        <v>86</v>
      </c>
      <c r="J7" s="97"/>
      <c r="K7" s="36"/>
      <c r="L7" s="207"/>
      <c r="M7" s="88"/>
      <c r="N7" s="50"/>
      <c r="O7" s="50"/>
      <c r="P7" s="236"/>
      <c r="Q7" s="236"/>
      <c r="R7" s="40"/>
      <c r="S7" s="60">
        <v>38808</v>
      </c>
      <c r="T7" s="6"/>
      <c r="U7" s="268"/>
    </row>
    <row r="8" spans="1:21" ht="18.75" customHeight="1" x14ac:dyDescent="0.2">
      <c r="A8" s="229"/>
      <c r="B8" s="233">
        <v>2</v>
      </c>
      <c r="C8" s="256"/>
      <c r="D8" s="245" t="s">
        <v>233</v>
      </c>
      <c r="E8" s="328"/>
      <c r="F8" s="16" t="s">
        <v>191</v>
      </c>
      <c r="G8" s="21"/>
      <c r="H8" s="100" t="s">
        <v>87</v>
      </c>
      <c r="I8" s="202" t="s">
        <v>18</v>
      </c>
      <c r="J8" s="147" t="s">
        <v>495</v>
      </c>
      <c r="K8" s="34">
        <v>26</v>
      </c>
      <c r="L8" s="206">
        <v>26</v>
      </c>
      <c r="M8" s="87" t="s">
        <v>213</v>
      </c>
      <c r="N8" s="48" t="s">
        <v>213</v>
      </c>
      <c r="O8" s="172">
        <v>119000</v>
      </c>
      <c r="P8" s="235" t="s">
        <v>77</v>
      </c>
      <c r="Q8" s="235" t="s">
        <v>88</v>
      </c>
      <c r="R8" s="42" t="s">
        <v>234</v>
      </c>
      <c r="S8" s="152">
        <v>43556</v>
      </c>
      <c r="T8" s="6"/>
      <c r="U8" s="269" t="s">
        <v>19</v>
      </c>
    </row>
    <row r="9" spans="1:21" ht="18.75" customHeight="1" x14ac:dyDescent="0.2">
      <c r="A9" s="229"/>
      <c r="B9" s="234"/>
      <c r="C9" s="256"/>
      <c r="D9" s="205" t="s">
        <v>10</v>
      </c>
      <c r="E9" s="27"/>
      <c r="F9" s="251" t="s">
        <v>370</v>
      </c>
      <c r="G9" s="242"/>
      <c r="H9" s="200" t="s">
        <v>89</v>
      </c>
      <c r="I9" s="204" t="s">
        <v>90</v>
      </c>
      <c r="J9" s="20"/>
      <c r="K9" s="36"/>
      <c r="L9" s="207"/>
      <c r="M9" s="52"/>
      <c r="N9" s="44"/>
      <c r="O9" s="43"/>
      <c r="P9" s="236"/>
      <c r="Q9" s="236"/>
      <c r="R9" s="44" t="s">
        <v>235</v>
      </c>
      <c r="S9" s="60">
        <v>43556</v>
      </c>
      <c r="U9" s="268"/>
    </row>
    <row r="10" spans="1:21" ht="18.75" customHeight="1" x14ac:dyDescent="0.2">
      <c r="A10" s="229"/>
      <c r="B10" s="233">
        <v>3</v>
      </c>
      <c r="C10" s="256"/>
      <c r="D10" s="245" t="s">
        <v>20</v>
      </c>
      <c r="E10" s="246"/>
      <c r="F10" s="16" t="s">
        <v>192</v>
      </c>
      <c r="G10" s="18"/>
      <c r="H10" s="100" t="s">
        <v>91</v>
      </c>
      <c r="I10" s="202" t="s">
        <v>21</v>
      </c>
      <c r="J10" s="80" t="s">
        <v>311</v>
      </c>
      <c r="K10" s="34">
        <v>8</v>
      </c>
      <c r="L10" s="35">
        <v>9</v>
      </c>
      <c r="M10" s="54" t="s">
        <v>213</v>
      </c>
      <c r="N10" s="48" t="s">
        <v>4</v>
      </c>
      <c r="O10" s="106" t="s">
        <v>557</v>
      </c>
      <c r="P10" s="237"/>
      <c r="Q10" s="235" t="s">
        <v>92</v>
      </c>
      <c r="R10" s="42" t="s">
        <v>93</v>
      </c>
      <c r="S10" s="152">
        <v>38750</v>
      </c>
      <c r="U10" s="268" t="s">
        <v>22</v>
      </c>
    </row>
    <row r="11" spans="1:21" ht="18.75" customHeight="1" x14ac:dyDescent="0.2">
      <c r="A11" s="229"/>
      <c r="B11" s="297"/>
      <c r="C11" s="256"/>
      <c r="D11" s="56"/>
      <c r="E11" s="26" t="s">
        <v>23</v>
      </c>
      <c r="F11" s="241" t="s">
        <v>24</v>
      </c>
      <c r="G11" s="242"/>
      <c r="H11" s="200" t="s">
        <v>94</v>
      </c>
      <c r="I11" s="203" t="s">
        <v>95</v>
      </c>
      <c r="J11" s="20"/>
      <c r="K11" s="36"/>
      <c r="L11" s="37"/>
      <c r="M11" s="52"/>
      <c r="N11" s="44"/>
      <c r="O11" s="107">
        <v>152900</v>
      </c>
      <c r="P11" s="238"/>
      <c r="Q11" s="236"/>
      <c r="R11" s="44" t="s">
        <v>25</v>
      </c>
      <c r="S11" s="53">
        <v>38808</v>
      </c>
      <c r="U11" s="268"/>
    </row>
    <row r="12" spans="1:21" ht="18.75" customHeight="1" x14ac:dyDescent="0.2">
      <c r="A12" s="229"/>
      <c r="B12" s="233">
        <v>4</v>
      </c>
      <c r="C12" s="256"/>
      <c r="D12" s="245" t="s">
        <v>63</v>
      </c>
      <c r="E12" s="246"/>
      <c r="F12" s="16" t="s">
        <v>471</v>
      </c>
      <c r="G12" s="18"/>
      <c r="H12" s="100" t="s">
        <v>96</v>
      </c>
      <c r="I12" s="202" t="s">
        <v>97</v>
      </c>
      <c r="J12" s="80" t="s">
        <v>711</v>
      </c>
      <c r="K12" s="34">
        <v>9</v>
      </c>
      <c r="L12" s="35">
        <v>9</v>
      </c>
      <c r="M12" s="89" t="s">
        <v>4</v>
      </c>
      <c r="N12" s="48" t="s">
        <v>4</v>
      </c>
      <c r="O12" s="45" t="s">
        <v>558</v>
      </c>
      <c r="P12" s="237"/>
      <c r="Q12" s="235" t="s">
        <v>92</v>
      </c>
      <c r="R12" s="65" t="s">
        <v>98</v>
      </c>
      <c r="S12" s="152">
        <v>39353</v>
      </c>
      <c r="U12" s="78"/>
    </row>
    <row r="13" spans="1:21" ht="18.75" customHeight="1" x14ac:dyDescent="0.2">
      <c r="A13" s="229"/>
      <c r="B13" s="234"/>
      <c r="C13" s="256"/>
      <c r="D13" s="56"/>
      <c r="E13" s="26" t="s">
        <v>23</v>
      </c>
      <c r="F13" s="241" t="s">
        <v>64</v>
      </c>
      <c r="G13" s="242"/>
      <c r="H13" s="200" t="s">
        <v>99</v>
      </c>
      <c r="I13" s="201" t="s">
        <v>100</v>
      </c>
      <c r="J13" s="20"/>
      <c r="K13" s="36"/>
      <c r="L13" s="37"/>
      <c r="M13" s="52"/>
      <c r="N13" s="44"/>
      <c r="O13" s="79">
        <v>108000</v>
      </c>
      <c r="P13" s="238"/>
      <c r="Q13" s="236"/>
      <c r="R13" s="46"/>
      <c r="S13" s="60">
        <v>39353</v>
      </c>
      <c r="U13" s="78"/>
    </row>
    <row r="14" spans="1:21" ht="18.75" customHeight="1" x14ac:dyDescent="0.2">
      <c r="A14" s="229"/>
      <c r="B14" s="233">
        <v>5</v>
      </c>
      <c r="C14" s="256"/>
      <c r="D14" s="279" t="s">
        <v>101</v>
      </c>
      <c r="E14" s="315"/>
      <c r="F14" s="30" t="s">
        <v>193</v>
      </c>
      <c r="G14" s="18"/>
      <c r="H14" s="100" t="s">
        <v>102</v>
      </c>
      <c r="I14" s="202" t="s">
        <v>103</v>
      </c>
      <c r="J14" s="96" t="s">
        <v>712</v>
      </c>
      <c r="K14" s="38">
        <v>50</v>
      </c>
      <c r="L14" s="39">
        <v>50</v>
      </c>
      <c r="M14" s="54" t="s">
        <v>559</v>
      </c>
      <c r="N14" s="48" t="s">
        <v>4</v>
      </c>
      <c r="O14" s="106">
        <v>96700</v>
      </c>
      <c r="P14" s="237"/>
      <c r="Q14" s="235" t="s">
        <v>104</v>
      </c>
      <c r="R14" s="42" t="s">
        <v>105</v>
      </c>
      <c r="S14" s="152">
        <v>39448</v>
      </c>
      <c r="U14" s="78"/>
    </row>
    <row r="15" spans="1:21" ht="18.75" customHeight="1" x14ac:dyDescent="0.2">
      <c r="A15" s="229"/>
      <c r="B15" s="297"/>
      <c r="C15" s="256"/>
      <c r="D15" s="108"/>
      <c r="E15" s="26" t="s">
        <v>23</v>
      </c>
      <c r="F15" s="241" t="s">
        <v>106</v>
      </c>
      <c r="G15" s="242"/>
      <c r="H15" s="200" t="s">
        <v>107</v>
      </c>
      <c r="I15" s="201" t="s">
        <v>108</v>
      </c>
      <c r="J15" s="97"/>
      <c r="K15" s="36"/>
      <c r="L15" s="37"/>
      <c r="M15" s="109"/>
      <c r="N15" s="92"/>
      <c r="O15" s="107"/>
      <c r="P15" s="238"/>
      <c r="Q15" s="236"/>
      <c r="R15" s="44" t="s">
        <v>109</v>
      </c>
      <c r="S15" s="53">
        <v>39448</v>
      </c>
      <c r="U15" s="78"/>
    </row>
    <row r="16" spans="1:21" ht="18.75" customHeight="1" x14ac:dyDescent="0.2">
      <c r="A16" s="229"/>
      <c r="B16" s="233">
        <v>6</v>
      </c>
      <c r="C16" s="256"/>
      <c r="D16" s="279" t="s">
        <v>110</v>
      </c>
      <c r="E16" s="315"/>
      <c r="F16" s="110" t="s">
        <v>194</v>
      </c>
      <c r="G16" s="85"/>
      <c r="H16" s="100" t="s">
        <v>111</v>
      </c>
      <c r="I16" s="202" t="s">
        <v>112</v>
      </c>
      <c r="J16" s="111" t="s">
        <v>713</v>
      </c>
      <c r="K16" s="38">
        <v>17</v>
      </c>
      <c r="L16" s="39">
        <v>17</v>
      </c>
      <c r="M16" s="87" t="s">
        <v>4</v>
      </c>
      <c r="N16" s="48" t="s">
        <v>4</v>
      </c>
      <c r="O16" s="106" t="s">
        <v>560</v>
      </c>
      <c r="P16" s="237"/>
      <c r="Q16" s="235" t="s">
        <v>92</v>
      </c>
      <c r="R16" s="42" t="s">
        <v>113</v>
      </c>
      <c r="S16" s="153">
        <v>39539</v>
      </c>
      <c r="U16" s="78"/>
    </row>
    <row r="17" spans="1:21" ht="18.75" customHeight="1" x14ac:dyDescent="0.2">
      <c r="A17" s="229"/>
      <c r="B17" s="234"/>
      <c r="C17" s="256"/>
      <c r="D17" s="108"/>
      <c r="E17" s="26" t="s">
        <v>23</v>
      </c>
      <c r="F17" s="316" t="s">
        <v>114</v>
      </c>
      <c r="G17" s="242"/>
      <c r="H17" s="200" t="s">
        <v>115</v>
      </c>
      <c r="I17" s="201" t="s">
        <v>466</v>
      </c>
      <c r="J17" s="111"/>
      <c r="K17" s="68"/>
      <c r="L17" s="69"/>
      <c r="M17" s="73"/>
      <c r="N17" s="93"/>
      <c r="O17" s="107">
        <v>101248</v>
      </c>
      <c r="P17" s="238"/>
      <c r="Q17" s="236"/>
      <c r="R17" s="44" t="s">
        <v>116</v>
      </c>
      <c r="S17" s="60">
        <v>39539</v>
      </c>
      <c r="U17" s="78"/>
    </row>
    <row r="18" spans="1:21" ht="18.75" customHeight="1" x14ac:dyDescent="0.2">
      <c r="A18" s="229"/>
      <c r="B18" s="233">
        <v>7</v>
      </c>
      <c r="C18" s="256"/>
      <c r="D18" s="245" t="s">
        <v>238</v>
      </c>
      <c r="E18" s="271"/>
      <c r="F18" s="16" t="s">
        <v>240</v>
      </c>
      <c r="G18" s="21"/>
      <c r="H18" s="100" t="s">
        <v>186</v>
      </c>
      <c r="I18" s="202" t="s">
        <v>242</v>
      </c>
      <c r="J18" s="80" t="s">
        <v>714</v>
      </c>
      <c r="K18" s="34">
        <v>18</v>
      </c>
      <c r="L18" s="35">
        <v>18</v>
      </c>
      <c r="M18" s="54" t="s">
        <v>4</v>
      </c>
      <c r="N18" s="48" t="s">
        <v>4</v>
      </c>
      <c r="O18" s="45">
        <v>90000</v>
      </c>
      <c r="P18" s="237"/>
      <c r="Q18" s="235" t="s">
        <v>92</v>
      </c>
      <c r="R18" s="42" t="s">
        <v>241</v>
      </c>
      <c r="S18" s="49">
        <v>43009</v>
      </c>
      <c r="U18" s="77"/>
    </row>
    <row r="19" spans="1:21" ht="18.75" customHeight="1" x14ac:dyDescent="0.2">
      <c r="A19" s="229"/>
      <c r="B19" s="297"/>
      <c r="C19" s="256"/>
      <c r="D19" s="56"/>
      <c r="E19" s="26" t="s">
        <v>23</v>
      </c>
      <c r="F19" s="251" t="s">
        <v>239</v>
      </c>
      <c r="G19" s="242"/>
      <c r="H19" s="199" t="s">
        <v>188</v>
      </c>
      <c r="I19" s="204" t="s">
        <v>250</v>
      </c>
      <c r="J19" s="20"/>
      <c r="K19" s="36"/>
      <c r="L19" s="37"/>
      <c r="M19" s="52"/>
      <c r="N19" s="44"/>
      <c r="O19" s="72"/>
      <c r="P19" s="238"/>
      <c r="Q19" s="236"/>
      <c r="R19" s="46" t="s">
        <v>284</v>
      </c>
      <c r="S19" s="156">
        <v>43009</v>
      </c>
      <c r="U19" s="77"/>
    </row>
    <row r="20" spans="1:21" ht="18.75" customHeight="1" x14ac:dyDescent="0.2">
      <c r="A20" s="229"/>
      <c r="B20" s="233">
        <v>8</v>
      </c>
      <c r="C20" s="256"/>
      <c r="D20" s="245" t="s">
        <v>259</v>
      </c>
      <c r="E20" s="271"/>
      <c r="F20" s="16" t="s">
        <v>190</v>
      </c>
      <c r="G20" s="22"/>
      <c r="H20" s="100" t="s">
        <v>186</v>
      </c>
      <c r="I20" s="202" t="s">
        <v>266</v>
      </c>
      <c r="J20" s="80" t="s">
        <v>260</v>
      </c>
      <c r="K20" s="34">
        <v>12</v>
      </c>
      <c r="L20" s="35">
        <v>12</v>
      </c>
      <c r="M20" s="54" t="s">
        <v>561</v>
      </c>
      <c r="N20" s="48" t="s">
        <v>4</v>
      </c>
      <c r="O20" s="55">
        <v>125500</v>
      </c>
      <c r="P20" s="237"/>
      <c r="Q20" s="235" t="s">
        <v>92</v>
      </c>
      <c r="R20" s="48" t="s">
        <v>261</v>
      </c>
      <c r="S20" s="152">
        <v>38443</v>
      </c>
      <c r="U20" s="77"/>
    </row>
    <row r="21" spans="1:21" ht="18.75" customHeight="1" x14ac:dyDescent="0.2">
      <c r="A21" s="229"/>
      <c r="B21" s="234"/>
      <c r="C21" s="256"/>
      <c r="D21" s="56"/>
      <c r="E21" s="26" t="s">
        <v>23</v>
      </c>
      <c r="F21" s="251" t="s">
        <v>263</v>
      </c>
      <c r="G21" s="252"/>
      <c r="H21" s="199" t="s">
        <v>188</v>
      </c>
      <c r="I21" s="204" t="s">
        <v>267</v>
      </c>
      <c r="J21" s="20"/>
      <c r="K21" s="36"/>
      <c r="L21" s="37"/>
      <c r="M21" s="52"/>
      <c r="N21" s="44"/>
      <c r="O21" s="72"/>
      <c r="P21" s="238"/>
      <c r="Q21" s="236"/>
      <c r="R21" s="46"/>
      <c r="S21" s="60">
        <v>38808</v>
      </c>
      <c r="U21" s="77"/>
    </row>
    <row r="22" spans="1:21" ht="18.75" customHeight="1" x14ac:dyDescent="0.2">
      <c r="A22" s="229"/>
      <c r="B22" s="233">
        <v>9</v>
      </c>
      <c r="C22" s="256"/>
      <c r="D22" s="245" t="s">
        <v>262</v>
      </c>
      <c r="E22" s="271"/>
      <c r="F22" s="110" t="s">
        <v>194</v>
      </c>
      <c r="G22" s="85"/>
      <c r="H22" s="100" t="s">
        <v>186</v>
      </c>
      <c r="I22" s="202" t="s">
        <v>699</v>
      </c>
      <c r="J22" s="80" t="s">
        <v>714</v>
      </c>
      <c r="K22" s="34">
        <v>28</v>
      </c>
      <c r="L22" s="35">
        <v>30</v>
      </c>
      <c r="M22" s="54" t="s">
        <v>4</v>
      </c>
      <c r="N22" s="48" t="s">
        <v>4</v>
      </c>
      <c r="O22" s="45">
        <v>70000</v>
      </c>
      <c r="P22" s="237"/>
      <c r="Q22" s="235" t="s">
        <v>92</v>
      </c>
      <c r="R22" s="48" t="s">
        <v>265</v>
      </c>
      <c r="S22" s="152">
        <v>43009</v>
      </c>
      <c r="U22" s="77"/>
    </row>
    <row r="23" spans="1:21" ht="18.75" customHeight="1" x14ac:dyDescent="0.2">
      <c r="A23" s="229"/>
      <c r="B23" s="297"/>
      <c r="C23" s="256"/>
      <c r="D23" s="56"/>
      <c r="E23" s="26" t="s">
        <v>23</v>
      </c>
      <c r="F23" s="316" t="s">
        <v>264</v>
      </c>
      <c r="G23" s="242"/>
      <c r="H23" s="199" t="s">
        <v>188</v>
      </c>
      <c r="I23" s="204" t="s">
        <v>700</v>
      </c>
      <c r="J23" s="20"/>
      <c r="K23" s="36"/>
      <c r="L23" s="37"/>
      <c r="M23" s="52"/>
      <c r="N23" s="44"/>
      <c r="O23" s="72"/>
      <c r="P23" s="238"/>
      <c r="Q23" s="236"/>
      <c r="R23" s="46"/>
      <c r="S23" s="53">
        <v>43009</v>
      </c>
      <c r="U23" s="77"/>
    </row>
    <row r="24" spans="1:21" ht="18.75" customHeight="1" x14ac:dyDescent="0.2">
      <c r="A24" s="229"/>
      <c r="B24" s="233">
        <v>10</v>
      </c>
      <c r="C24" s="256"/>
      <c r="D24" s="245" t="s">
        <v>268</v>
      </c>
      <c r="E24" s="271"/>
      <c r="F24" s="16" t="s">
        <v>269</v>
      </c>
      <c r="G24" s="21"/>
      <c r="H24" s="100" t="s">
        <v>270</v>
      </c>
      <c r="I24" s="202" t="s">
        <v>271</v>
      </c>
      <c r="J24" s="80" t="s">
        <v>272</v>
      </c>
      <c r="K24" s="34">
        <v>16</v>
      </c>
      <c r="L24" s="206">
        <v>24</v>
      </c>
      <c r="M24" s="54" t="s">
        <v>273</v>
      </c>
      <c r="N24" s="48" t="s">
        <v>4</v>
      </c>
      <c r="O24" s="45" t="s">
        <v>562</v>
      </c>
      <c r="P24" s="237"/>
      <c r="Q24" s="235" t="s">
        <v>274</v>
      </c>
      <c r="R24" s="42" t="s">
        <v>285</v>
      </c>
      <c r="S24" s="152">
        <v>40127</v>
      </c>
      <c r="U24" s="77"/>
    </row>
    <row r="25" spans="1:21" ht="18.75" customHeight="1" x14ac:dyDescent="0.2">
      <c r="A25" s="229"/>
      <c r="B25" s="234"/>
      <c r="C25" s="256"/>
      <c r="D25" s="205" t="s">
        <v>9</v>
      </c>
      <c r="E25" s="29"/>
      <c r="F25" s="251" t="s">
        <v>275</v>
      </c>
      <c r="G25" s="242"/>
      <c r="H25" s="199" t="s">
        <v>99</v>
      </c>
      <c r="I25" s="204" t="s">
        <v>276</v>
      </c>
      <c r="J25" s="20"/>
      <c r="K25" s="36"/>
      <c r="L25" s="207"/>
      <c r="M25" s="52" t="s">
        <v>277</v>
      </c>
      <c r="N25" s="44"/>
      <c r="O25" s="72">
        <v>181680</v>
      </c>
      <c r="P25" s="238"/>
      <c r="Q25" s="236"/>
      <c r="R25" s="46" t="s">
        <v>286</v>
      </c>
      <c r="S25" s="53">
        <v>40127</v>
      </c>
      <c r="U25" s="77"/>
    </row>
    <row r="26" spans="1:21" ht="18.75" customHeight="1" x14ac:dyDescent="0.2">
      <c r="A26" s="229"/>
      <c r="B26" s="233">
        <v>11</v>
      </c>
      <c r="C26" s="256"/>
      <c r="D26" s="247" t="s">
        <v>278</v>
      </c>
      <c r="E26" s="260"/>
      <c r="F26" s="16" t="s">
        <v>279</v>
      </c>
      <c r="G26" s="21"/>
      <c r="H26" s="100" t="s">
        <v>82</v>
      </c>
      <c r="I26" s="202" t="s">
        <v>513</v>
      </c>
      <c r="J26" s="80" t="s">
        <v>280</v>
      </c>
      <c r="K26" s="34">
        <v>30</v>
      </c>
      <c r="L26" s="35">
        <v>60</v>
      </c>
      <c r="M26" s="54" t="s">
        <v>4</v>
      </c>
      <c r="N26" s="48" t="s">
        <v>4</v>
      </c>
      <c r="O26" s="45" t="s">
        <v>563</v>
      </c>
      <c r="P26" s="237"/>
      <c r="Q26" s="235" t="s">
        <v>92</v>
      </c>
      <c r="R26" s="42" t="s">
        <v>281</v>
      </c>
      <c r="S26" s="152">
        <v>40210</v>
      </c>
      <c r="U26" s="77"/>
    </row>
    <row r="27" spans="1:21" ht="18.75" customHeight="1" x14ac:dyDescent="0.2">
      <c r="A27" s="229"/>
      <c r="B27" s="297"/>
      <c r="C27" s="256"/>
      <c r="D27" s="56"/>
      <c r="E27" s="26" t="s">
        <v>23</v>
      </c>
      <c r="F27" s="251" t="s">
        <v>282</v>
      </c>
      <c r="G27" s="272"/>
      <c r="H27" s="199" t="s">
        <v>85</v>
      </c>
      <c r="I27" s="204" t="s">
        <v>467</v>
      </c>
      <c r="J27" s="20"/>
      <c r="K27" s="36"/>
      <c r="L27" s="37"/>
      <c r="M27" s="52"/>
      <c r="N27" s="44"/>
      <c r="O27" s="124" t="s">
        <v>564</v>
      </c>
      <c r="P27" s="243"/>
      <c r="Q27" s="253"/>
      <c r="R27" s="46" t="s">
        <v>283</v>
      </c>
      <c r="S27" s="53">
        <v>40210</v>
      </c>
      <c r="U27" s="77"/>
    </row>
    <row r="28" spans="1:21" ht="18.75" customHeight="1" x14ac:dyDescent="0.2">
      <c r="A28" s="229"/>
      <c r="B28" s="233">
        <v>12</v>
      </c>
      <c r="C28" s="256"/>
      <c r="D28" s="247" t="s">
        <v>305</v>
      </c>
      <c r="E28" s="260"/>
      <c r="F28" s="16" t="s">
        <v>306</v>
      </c>
      <c r="G28" s="21"/>
      <c r="H28" s="100" t="s">
        <v>82</v>
      </c>
      <c r="I28" s="202" t="s">
        <v>307</v>
      </c>
      <c r="J28" s="80" t="s">
        <v>715</v>
      </c>
      <c r="K28" s="34">
        <v>50</v>
      </c>
      <c r="L28" s="206">
        <v>50</v>
      </c>
      <c r="M28" s="54" t="s">
        <v>309</v>
      </c>
      <c r="N28" s="48" t="s">
        <v>213</v>
      </c>
      <c r="O28" s="45">
        <v>142250</v>
      </c>
      <c r="P28" s="235" t="s">
        <v>83</v>
      </c>
      <c r="Q28" s="235" t="s">
        <v>83</v>
      </c>
      <c r="R28" s="42" t="s">
        <v>310</v>
      </c>
      <c r="S28" s="152">
        <v>40391</v>
      </c>
      <c r="U28" s="77"/>
    </row>
    <row r="29" spans="1:21" ht="18.75" customHeight="1" x14ac:dyDescent="0.2">
      <c r="A29" s="229"/>
      <c r="B29" s="234"/>
      <c r="C29" s="256"/>
      <c r="D29" s="205" t="s">
        <v>10</v>
      </c>
      <c r="E29" s="57"/>
      <c r="F29" s="251" t="s">
        <v>514</v>
      </c>
      <c r="G29" s="272"/>
      <c r="H29" s="199" t="s">
        <v>85</v>
      </c>
      <c r="I29" s="204" t="s">
        <v>308</v>
      </c>
      <c r="J29" s="20"/>
      <c r="K29" s="36"/>
      <c r="L29" s="207"/>
      <c r="M29" s="52"/>
      <c r="N29" s="40"/>
      <c r="O29" s="125"/>
      <c r="P29" s="236"/>
      <c r="Q29" s="236"/>
      <c r="R29" s="46"/>
      <c r="S29" s="53">
        <v>40391</v>
      </c>
      <c r="U29" s="77"/>
    </row>
    <row r="30" spans="1:21" ht="18.75" customHeight="1" x14ac:dyDescent="0.2">
      <c r="A30" s="229"/>
      <c r="B30" s="233">
        <v>13</v>
      </c>
      <c r="C30" s="256"/>
      <c r="D30" s="317" t="s">
        <v>332</v>
      </c>
      <c r="E30" s="318"/>
      <c r="F30" s="16" t="s">
        <v>515</v>
      </c>
      <c r="G30" s="22"/>
      <c r="H30" s="100" t="s">
        <v>82</v>
      </c>
      <c r="I30" s="202" t="s">
        <v>334</v>
      </c>
      <c r="J30" s="94" t="s">
        <v>716</v>
      </c>
      <c r="K30" s="34">
        <v>60</v>
      </c>
      <c r="L30" s="206">
        <v>60</v>
      </c>
      <c r="M30" s="48" t="s">
        <v>4</v>
      </c>
      <c r="N30" s="48" t="s">
        <v>4</v>
      </c>
      <c r="O30" s="45">
        <v>184142</v>
      </c>
      <c r="P30" s="235" t="s">
        <v>83</v>
      </c>
      <c r="Q30" s="235" t="s">
        <v>78</v>
      </c>
      <c r="R30" s="48" t="s">
        <v>336</v>
      </c>
      <c r="S30" s="152">
        <v>40673</v>
      </c>
      <c r="T30" s="6"/>
      <c r="U30" s="269" t="s">
        <v>16</v>
      </c>
    </row>
    <row r="31" spans="1:21" ht="18.75" customHeight="1" x14ac:dyDescent="0.2">
      <c r="A31" s="229"/>
      <c r="B31" s="297"/>
      <c r="C31" s="256"/>
      <c r="D31" s="205" t="s">
        <v>9</v>
      </c>
      <c r="E31" s="29"/>
      <c r="F31" s="251" t="s">
        <v>516</v>
      </c>
      <c r="G31" s="252"/>
      <c r="H31" s="199" t="s">
        <v>85</v>
      </c>
      <c r="I31" s="203" t="s">
        <v>335</v>
      </c>
      <c r="J31" s="97"/>
      <c r="K31" s="36"/>
      <c r="L31" s="207"/>
      <c r="M31" s="88"/>
      <c r="N31" s="50"/>
      <c r="O31" s="129"/>
      <c r="P31" s="236"/>
      <c r="Q31" s="236"/>
      <c r="R31" s="40"/>
      <c r="S31" s="60">
        <v>40673</v>
      </c>
      <c r="T31" s="6"/>
      <c r="U31" s="268"/>
    </row>
    <row r="32" spans="1:21" ht="18.75" customHeight="1" x14ac:dyDescent="0.2">
      <c r="A32" s="229"/>
      <c r="B32" s="233">
        <v>14</v>
      </c>
      <c r="C32" s="256"/>
      <c r="D32" s="247" t="s">
        <v>359</v>
      </c>
      <c r="E32" s="260"/>
      <c r="F32" s="16" t="s">
        <v>472</v>
      </c>
      <c r="G32" s="21"/>
      <c r="H32" s="100" t="s">
        <v>72</v>
      </c>
      <c r="I32" s="202" t="s">
        <v>360</v>
      </c>
      <c r="J32" s="80" t="s">
        <v>717</v>
      </c>
      <c r="K32" s="34">
        <v>37</v>
      </c>
      <c r="L32" s="130">
        <v>41</v>
      </c>
      <c r="M32" s="48" t="s">
        <v>4</v>
      </c>
      <c r="N32" s="48" t="s">
        <v>4</v>
      </c>
      <c r="O32" s="45">
        <v>141160</v>
      </c>
      <c r="P32" s="237"/>
      <c r="Q32" s="235" t="s">
        <v>92</v>
      </c>
      <c r="R32" s="42" t="s">
        <v>361</v>
      </c>
      <c r="S32" s="152">
        <v>40893</v>
      </c>
      <c r="U32" s="77"/>
    </row>
    <row r="33" spans="1:21" ht="18.75" customHeight="1" x14ac:dyDescent="0.2">
      <c r="A33" s="229"/>
      <c r="B33" s="234"/>
      <c r="C33" s="256"/>
      <c r="D33" s="56"/>
      <c r="E33" s="26" t="s">
        <v>23</v>
      </c>
      <c r="F33" s="251" t="s">
        <v>368</v>
      </c>
      <c r="G33" s="242"/>
      <c r="H33" s="199" t="s">
        <v>71</v>
      </c>
      <c r="I33" s="204" t="s">
        <v>417</v>
      </c>
      <c r="J33" s="20"/>
      <c r="K33" s="36"/>
      <c r="L33" s="131"/>
      <c r="M33" s="117"/>
      <c r="N33" s="50"/>
      <c r="O33" s="72"/>
      <c r="P33" s="238"/>
      <c r="Q33" s="236"/>
      <c r="R33" s="44" t="s">
        <v>362</v>
      </c>
      <c r="S33" s="53">
        <v>40893</v>
      </c>
      <c r="U33" s="77"/>
    </row>
    <row r="34" spans="1:21" ht="18.75" customHeight="1" x14ac:dyDescent="0.2">
      <c r="A34" s="229"/>
      <c r="B34" s="233">
        <v>15</v>
      </c>
      <c r="C34" s="256"/>
      <c r="D34" s="247" t="s">
        <v>363</v>
      </c>
      <c r="E34" s="260"/>
      <c r="F34" s="16" t="s">
        <v>364</v>
      </c>
      <c r="G34" s="21"/>
      <c r="H34" s="100" t="s">
        <v>72</v>
      </c>
      <c r="I34" s="202" t="s">
        <v>468</v>
      </c>
      <c r="J34" s="80" t="s">
        <v>718</v>
      </c>
      <c r="K34" s="34">
        <v>16</v>
      </c>
      <c r="L34" s="130">
        <v>18</v>
      </c>
      <c r="M34" s="48" t="s">
        <v>365</v>
      </c>
      <c r="N34" s="48" t="s">
        <v>213</v>
      </c>
      <c r="O34" s="45">
        <v>100000</v>
      </c>
      <c r="P34" s="237"/>
      <c r="Q34" s="235" t="s">
        <v>127</v>
      </c>
      <c r="R34" s="42" t="s">
        <v>366</v>
      </c>
      <c r="S34" s="152">
        <v>40961</v>
      </c>
      <c r="U34" s="77"/>
    </row>
    <row r="35" spans="1:21" ht="18.75" customHeight="1" x14ac:dyDescent="0.2">
      <c r="A35" s="229"/>
      <c r="B35" s="297"/>
      <c r="C35" s="256"/>
      <c r="D35" s="56"/>
      <c r="E35" s="26" t="s">
        <v>23</v>
      </c>
      <c r="F35" s="251" t="s">
        <v>565</v>
      </c>
      <c r="G35" s="242"/>
      <c r="H35" s="199" t="s">
        <v>71</v>
      </c>
      <c r="I35" s="204" t="s">
        <v>469</v>
      </c>
      <c r="J35" s="20"/>
      <c r="K35" s="36"/>
      <c r="L35" s="131"/>
      <c r="M35" s="127"/>
      <c r="N35" s="50"/>
      <c r="O35" s="72"/>
      <c r="P35" s="238"/>
      <c r="Q35" s="236"/>
      <c r="R35" s="44" t="s">
        <v>367</v>
      </c>
      <c r="S35" s="53">
        <v>40961</v>
      </c>
      <c r="U35" s="77"/>
    </row>
    <row r="36" spans="1:21" ht="18.75" customHeight="1" x14ac:dyDescent="0.2">
      <c r="A36" s="229"/>
      <c r="B36" s="233">
        <v>16</v>
      </c>
      <c r="C36" s="256"/>
      <c r="D36" s="247" t="s">
        <v>375</v>
      </c>
      <c r="E36" s="260"/>
      <c r="F36" s="16" t="s">
        <v>376</v>
      </c>
      <c r="G36" s="21"/>
      <c r="H36" s="100" t="s">
        <v>377</v>
      </c>
      <c r="I36" s="202" t="s">
        <v>378</v>
      </c>
      <c r="J36" s="80" t="s">
        <v>719</v>
      </c>
      <c r="K36" s="34">
        <v>33</v>
      </c>
      <c r="L36" s="130">
        <v>33</v>
      </c>
      <c r="M36" s="48" t="s">
        <v>11</v>
      </c>
      <c r="N36" s="48" t="s">
        <v>213</v>
      </c>
      <c r="O36" s="45">
        <v>99000</v>
      </c>
      <c r="P36" s="237"/>
      <c r="Q36" s="235" t="s">
        <v>92</v>
      </c>
      <c r="R36" s="42" t="s">
        <v>379</v>
      </c>
      <c r="S36" s="152">
        <v>41183</v>
      </c>
      <c r="U36" s="77"/>
    </row>
    <row r="37" spans="1:21" ht="18.75" customHeight="1" x14ac:dyDescent="0.2">
      <c r="A37" s="229"/>
      <c r="B37" s="234"/>
      <c r="C37" s="256"/>
      <c r="D37" s="56"/>
      <c r="E37" s="26" t="s">
        <v>23</v>
      </c>
      <c r="F37" s="251" t="s">
        <v>380</v>
      </c>
      <c r="G37" s="242"/>
      <c r="H37" s="199" t="s">
        <v>381</v>
      </c>
      <c r="I37" s="204" t="s">
        <v>382</v>
      </c>
      <c r="J37" s="20"/>
      <c r="K37" s="36"/>
      <c r="L37" s="131"/>
      <c r="M37" s="127"/>
      <c r="N37" s="50"/>
      <c r="O37" s="72"/>
      <c r="P37" s="238"/>
      <c r="Q37" s="236"/>
      <c r="R37" s="44"/>
      <c r="S37" s="53">
        <v>41183</v>
      </c>
      <c r="U37" s="77"/>
    </row>
    <row r="38" spans="1:21" ht="18.75" customHeight="1" x14ac:dyDescent="0.2">
      <c r="A38" s="229"/>
      <c r="B38" s="233">
        <v>17</v>
      </c>
      <c r="C38" s="256"/>
      <c r="D38" s="247" t="s">
        <v>544</v>
      </c>
      <c r="E38" s="260"/>
      <c r="F38" s="16" t="s">
        <v>383</v>
      </c>
      <c r="G38" s="21"/>
      <c r="H38" s="100" t="s">
        <v>72</v>
      </c>
      <c r="I38" s="202" t="s">
        <v>384</v>
      </c>
      <c r="J38" s="80" t="s">
        <v>720</v>
      </c>
      <c r="K38" s="34">
        <v>16</v>
      </c>
      <c r="L38" s="130">
        <v>16</v>
      </c>
      <c r="M38" s="126" t="s">
        <v>4</v>
      </c>
      <c r="N38" s="48" t="s">
        <v>4</v>
      </c>
      <c r="O38" s="45" t="s">
        <v>566</v>
      </c>
      <c r="P38" s="237"/>
      <c r="Q38" s="235" t="s">
        <v>385</v>
      </c>
      <c r="R38" s="42" t="s">
        <v>386</v>
      </c>
      <c r="S38" s="152">
        <v>41192</v>
      </c>
      <c r="U38" s="77"/>
    </row>
    <row r="39" spans="1:21" ht="18.75" customHeight="1" x14ac:dyDescent="0.2">
      <c r="A39" s="229"/>
      <c r="B39" s="297"/>
      <c r="C39" s="256"/>
      <c r="D39" s="56"/>
      <c r="E39" s="26" t="s">
        <v>23</v>
      </c>
      <c r="F39" s="251" t="s">
        <v>387</v>
      </c>
      <c r="G39" s="242"/>
      <c r="H39" s="199" t="s">
        <v>71</v>
      </c>
      <c r="I39" s="204" t="s">
        <v>444</v>
      </c>
      <c r="J39" s="20"/>
      <c r="K39" s="36"/>
      <c r="L39" s="131"/>
      <c r="M39" s="127"/>
      <c r="N39" s="50"/>
      <c r="O39" s="72"/>
      <c r="P39" s="238"/>
      <c r="Q39" s="236"/>
      <c r="R39" s="44" t="s">
        <v>388</v>
      </c>
      <c r="S39" s="53">
        <v>41192</v>
      </c>
      <c r="U39" s="77"/>
    </row>
    <row r="40" spans="1:21" ht="18.75" customHeight="1" x14ac:dyDescent="0.2">
      <c r="A40" s="229"/>
      <c r="B40" s="233">
        <v>18</v>
      </c>
      <c r="C40" s="256"/>
      <c r="D40" s="247" t="s">
        <v>437</v>
      </c>
      <c r="E40" s="260"/>
      <c r="F40" s="16" t="s">
        <v>439</v>
      </c>
      <c r="G40" s="21"/>
      <c r="H40" s="100" t="s">
        <v>72</v>
      </c>
      <c r="I40" s="202" t="s">
        <v>440</v>
      </c>
      <c r="J40" s="80" t="s">
        <v>721</v>
      </c>
      <c r="K40" s="34">
        <v>23</v>
      </c>
      <c r="L40" s="130">
        <v>23</v>
      </c>
      <c r="M40" s="126" t="s">
        <v>433</v>
      </c>
      <c r="N40" s="48" t="s">
        <v>433</v>
      </c>
      <c r="O40" s="45" t="s">
        <v>567</v>
      </c>
      <c r="P40" s="237"/>
      <c r="Q40" s="235" t="s">
        <v>92</v>
      </c>
      <c r="R40" s="42" t="s">
        <v>442</v>
      </c>
      <c r="S40" s="152">
        <v>41456</v>
      </c>
      <c r="U40" s="77"/>
    </row>
    <row r="41" spans="1:21" ht="18.75" customHeight="1" x14ac:dyDescent="0.2">
      <c r="A41" s="229"/>
      <c r="B41" s="234"/>
      <c r="C41" s="256"/>
      <c r="D41" s="56"/>
      <c r="E41" s="26" t="s">
        <v>23</v>
      </c>
      <c r="F41" s="251" t="s">
        <v>438</v>
      </c>
      <c r="G41" s="242"/>
      <c r="H41" s="199" t="s">
        <v>71</v>
      </c>
      <c r="I41" s="204" t="s">
        <v>441</v>
      </c>
      <c r="J41" s="20"/>
      <c r="K41" s="36"/>
      <c r="L41" s="131"/>
      <c r="M41" s="127"/>
      <c r="N41" s="50"/>
      <c r="O41" s="72">
        <v>96800</v>
      </c>
      <c r="P41" s="238"/>
      <c r="Q41" s="253"/>
      <c r="R41" s="44" t="s">
        <v>443</v>
      </c>
      <c r="S41" s="53">
        <v>41456</v>
      </c>
      <c r="U41" s="77"/>
    </row>
    <row r="42" spans="1:21" ht="18.75" customHeight="1" x14ac:dyDescent="0.2">
      <c r="A42" s="229"/>
      <c r="B42" s="233">
        <v>19</v>
      </c>
      <c r="C42" s="256"/>
      <c r="D42" s="247" t="s">
        <v>446</v>
      </c>
      <c r="E42" s="260"/>
      <c r="F42" s="16" t="s">
        <v>447</v>
      </c>
      <c r="G42" s="21"/>
      <c r="H42" s="100" t="s">
        <v>72</v>
      </c>
      <c r="I42" s="202" t="s">
        <v>449</v>
      </c>
      <c r="J42" s="80" t="s">
        <v>722</v>
      </c>
      <c r="K42" s="34">
        <v>26</v>
      </c>
      <c r="L42" s="130">
        <v>26</v>
      </c>
      <c r="M42" s="126" t="s">
        <v>433</v>
      </c>
      <c r="N42" s="48" t="s">
        <v>433</v>
      </c>
      <c r="O42" s="45" t="s">
        <v>568</v>
      </c>
      <c r="P42" s="237"/>
      <c r="Q42" s="235" t="s">
        <v>374</v>
      </c>
      <c r="R42" s="42" t="s">
        <v>451</v>
      </c>
      <c r="S42" s="152">
        <v>41487</v>
      </c>
      <c r="U42" s="78"/>
    </row>
    <row r="43" spans="1:21" ht="18.75" customHeight="1" x14ac:dyDescent="0.2">
      <c r="A43" s="229"/>
      <c r="B43" s="297"/>
      <c r="C43" s="256"/>
      <c r="D43" s="56"/>
      <c r="E43" s="26" t="s">
        <v>23</v>
      </c>
      <c r="F43" s="251" t="s">
        <v>448</v>
      </c>
      <c r="G43" s="242"/>
      <c r="H43" s="199" t="s">
        <v>71</v>
      </c>
      <c r="I43" s="204" t="s">
        <v>450</v>
      </c>
      <c r="J43" s="20"/>
      <c r="K43" s="36"/>
      <c r="L43" s="131"/>
      <c r="M43" s="127"/>
      <c r="N43" s="50"/>
      <c r="O43" s="72"/>
      <c r="P43" s="238"/>
      <c r="Q43" s="236"/>
      <c r="R43" s="44"/>
      <c r="S43" s="53">
        <v>41487</v>
      </c>
      <c r="U43" s="78"/>
    </row>
    <row r="44" spans="1:21" ht="18.75" customHeight="1" x14ac:dyDescent="0.2">
      <c r="A44" s="229"/>
      <c r="B44" s="233">
        <v>20</v>
      </c>
      <c r="C44" s="256"/>
      <c r="D44" s="247" t="s">
        <v>697</v>
      </c>
      <c r="E44" s="260"/>
      <c r="F44" s="16" t="s">
        <v>457</v>
      </c>
      <c r="G44" s="21"/>
      <c r="H44" s="100" t="s">
        <v>72</v>
      </c>
      <c r="I44" s="202" t="s">
        <v>453</v>
      </c>
      <c r="J44" s="80" t="s">
        <v>569</v>
      </c>
      <c r="K44" s="34">
        <v>26</v>
      </c>
      <c r="L44" s="130">
        <v>27</v>
      </c>
      <c r="M44" s="126" t="s">
        <v>433</v>
      </c>
      <c r="N44" s="48" t="s">
        <v>433</v>
      </c>
      <c r="O44" s="45" t="s">
        <v>570</v>
      </c>
      <c r="P44" s="237"/>
      <c r="Q44" s="235" t="s">
        <v>92</v>
      </c>
      <c r="R44" s="42" t="s">
        <v>456</v>
      </c>
      <c r="S44" s="152">
        <v>41487</v>
      </c>
      <c r="U44" s="78"/>
    </row>
    <row r="45" spans="1:21" ht="18.75" customHeight="1" x14ac:dyDescent="0.2">
      <c r="A45" s="229"/>
      <c r="B45" s="234"/>
      <c r="C45" s="256"/>
      <c r="D45" s="56"/>
      <c r="E45" s="26" t="s">
        <v>23</v>
      </c>
      <c r="F45" s="251" t="s">
        <v>452</v>
      </c>
      <c r="G45" s="242"/>
      <c r="H45" s="199" t="s">
        <v>71</v>
      </c>
      <c r="I45" s="204" t="s">
        <v>454</v>
      </c>
      <c r="J45" s="20"/>
      <c r="K45" s="36"/>
      <c r="L45" s="131"/>
      <c r="M45" s="127"/>
      <c r="N45" s="50"/>
      <c r="O45" s="72">
        <v>224000</v>
      </c>
      <c r="P45" s="238"/>
      <c r="Q45" s="253"/>
      <c r="R45" s="44" t="s">
        <v>464</v>
      </c>
      <c r="S45" s="53">
        <v>41487</v>
      </c>
      <c r="U45" s="78"/>
    </row>
    <row r="46" spans="1:21" ht="18.75" customHeight="1" x14ac:dyDescent="0.2">
      <c r="A46" s="229"/>
      <c r="B46" s="233">
        <v>21</v>
      </c>
      <c r="C46" s="256"/>
      <c r="D46" s="247" t="s">
        <v>463</v>
      </c>
      <c r="E46" s="260"/>
      <c r="F46" s="140" t="s">
        <v>461</v>
      </c>
      <c r="G46" s="85"/>
      <c r="H46" s="100" t="s">
        <v>72</v>
      </c>
      <c r="I46" s="202" t="s">
        <v>459</v>
      </c>
      <c r="J46" s="78" t="s">
        <v>458</v>
      </c>
      <c r="K46" s="38">
        <v>28</v>
      </c>
      <c r="L46" s="141">
        <v>28</v>
      </c>
      <c r="M46" s="126" t="s">
        <v>433</v>
      </c>
      <c r="N46" s="48" t="s">
        <v>433</v>
      </c>
      <c r="O46" s="143" t="s">
        <v>571</v>
      </c>
      <c r="P46" s="237"/>
      <c r="Q46" s="235" t="s">
        <v>92</v>
      </c>
      <c r="R46" s="46" t="s">
        <v>465</v>
      </c>
      <c r="S46" s="152">
        <v>41609</v>
      </c>
      <c r="U46" s="78"/>
    </row>
    <row r="47" spans="1:21" ht="18.75" customHeight="1" x14ac:dyDescent="0.2">
      <c r="A47" s="229"/>
      <c r="B47" s="297"/>
      <c r="C47" s="257"/>
      <c r="D47" s="67"/>
      <c r="E47" s="26" t="s">
        <v>23</v>
      </c>
      <c r="F47" s="258" t="s">
        <v>462</v>
      </c>
      <c r="G47" s="259"/>
      <c r="H47" s="199" t="s">
        <v>71</v>
      </c>
      <c r="I47" s="204" t="s">
        <v>460</v>
      </c>
      <c r="J47" s="20"/>
      <c r="K47" s="36"/>
      <c r="L47" s="131"/>
      <c r="M47" s="70"/>
      <c r="N47" s="142"/>
      <c r="O47" s="72">
        <v>94000</v>
      </c>
      <c r="P47" s="238"/>
      <c r="Q47" s="253"/>
      <c r="R47" s="44"/>
      <c r="S47" s="53">
        <v>41609</v>
      </c>
      <c r="U47" s="78"/>
    </row>
    <row r="48" spans="1:21" ht="18.75" customHeight="1" x14ac:dyDescent="0.2">
      <c r="A48" s="229"/>
      <c r="B48" s="233">
        <v>22</v>
      </c>
      <c r="C48" s="255" t="s">
        <v>14</v>
      </c>
      <c r="D48" s="247" t="s">
        <v>488</v>
      </c>
      <c r="E48" s="260"/>
      <c r="F48" s="140" t="s">
        <v>482</v>
      </c>
      <c r="G48" s="85"/>
      <c r="H48" s="100" t="s">
        <v>72</v>
      </c>
      <c r="I48" s="202" t="s">
        <v>485</v>
      </c>
      <c r="J48" s="78" t="s">
        <v>484</v>
      </c>
      <c r="K48" s="38">
        <v>29</v>
      </c>
      <c r="L48" s="141">
        <v>29</v>
      </c>
      <c r="M48" s="126" t="s">
        <v>433</v>
      </c>
      <c r="N48" s="48" t="s">
        <v>433</v>
      </c>
      <c r="O48" s="143">
        <v>110000</v>
      </c>
      <c r="P48" s="237"/>
      <c r="Q48" s="235" t="s">
        <v>374</v>
      </c>
      <c r="R48" s="144" t="s">
        <v>487</v>
      </c>
      <c r="S48" s="152">
        <v>41791</v>
      </c>
      <c r="U48" s="78"/>
    </row>
    <row r="49" spans="1:21" ht="18.75" customHeight="1" x14ac:dyDescent="0.2">
      <c r="A49" s="229"/>
      <c r="B49" s="234"/>
      <c r="C49" s="256"/>
      <c r="D49" s="67"/>
      <c r="E49" s="26" t="s">
        <v>23</v>
      </c>
      <c r="F49" s="258" t="s">
        <v>483</v>
      </c>
      <c r="G49" s="259"/>
      <c r="H49" s="199" t="s">
        <v>71</v>
      </c>
      <c r="I49" s="204" t="s">
        <v>486</v>
      </c>
      <c r="J49" s="20"/>
      <c r="K49" s="36"/>
      <c r="L49" s="131"/>
      <c r="M49" s="145"/>
      <c r="N49" s="50"/>
      <c r="O49" s="72"/>
      <c r="P49" s="238"/>
      <c r="Q49" s="236"/>
      <c r="R49" s="146"/>
      <c r="S49" s="53">
        <v>41791</v>
      </c>
      <c r="U49" s="78"/>
    </row>
    <row r="50" spans="1:21" ht="18.75" customHeight="1" x14ac:dyDescent="0.2">
      <c r="A50" s="229"/>
      <c r="B50" s="233">
        <v>23</v>
      </c>
      <c r="C50" s="256"/>
      <c r="D50" s="247" t="s">
        <v>490</v>
      </c>
      <c r="E50" s="260"/>
      <c r="F50" s="140" t="s">
        <v>491</v>
      </c>
      <c r="G50" s="85"/>
      <c r="H50" s="100" t="s">
        <v>72</v>
      </c>
      <c r="I50" s="202" t="s">
        <v>493</v>
      </c>
      <c r="J50" s="147" t="s">
        <v>495</v>
      </c>
      <c r="K50" s="38">
        <v>26</v>
      </c>
      <c r="L50" s="141">
        <v>26</v>
      </c>
      <c r="M50" s="161" t="s">
        <v>433</v>
      </c>
      <c r="N50" s="42" t="s">
        <v>433</v>
      </c>
      <c r="O50" s="45">
        <v>94000</v>
      </c>
      <c r="P50" s="237"/>
      <c r="Q50" s="235" t="s">
        <v>92</v>
      </c>
      <c r="R50" s="46" t="s">
        <v>496</v>
      </c>
      <c r="S50" s="152">
        <v>41852</v>
      </c>
      <c r="U50" s="78"/>
    </row>
    <row r="51" spans="1:21" ht="18.75" customHeight="1" x14ac:dyDescent="0.2">
      <c r="A51" s="229"/>
      <c r="B51" s="297"/>
      <c r="C51" s="256"/>
      <c r="D51" s="67"/>
      <c r="E51" s="26" t="s">
        <v>23</v>
      </c>
      <c r="F51" s="258" t="s">
        <v>492</v>
      </c>
      <c r="G51" s="259"/>
      <c r="H51" s="199" t="s">
        <v>71</v>
      </c>
      <c r="I51" s="204" t="s">
        <v>494</v>
      </c>
      <c r="J51" s="20"/>
      <c r="K51" s="36"/>
      <c r="L51" s="131"/>
      <c r="M51" s="70"/>
      <c r="N51" s="72"/>
      <c r="O51" s="72"/>
      <c r="P51" s="238"/>
      <c r="Q51" s="253"/>
      <c r="R51" s="44"/>
      <c r="S51" s="53">
        <v>41852</v>
      </c>
      <c r="U51" s="78"/>
    </row>
    <row r="52" spans="1:21" ht="18.75" customHeight="1" x14ac:dyDescent="0.2">
      <c r="A52" s="229"/>
      <c r="B52" s="233">
        <v>24</v>
      </c>
      <c r="C52" s="256"/>
      <c r="D52" s="247" t="s">
        <v>497</v>
      </c>
      <c r="E52" s="260"/>
      <c r="F52" s="159" t="s">
        <v>498</v>
      </c>
      <c r="G52" s="18"/>
      <c r="H52" s="100" t="s">
        <v>72</v>
      </c>
      <c r="I52" s="202" t="s">
        <v>500</v>
      </c>
      <c r="J52" s="80" t="s">
        <v>502</v>
      </c>
      <c r="K52" s="112">
        <v>26</v>
      </c>
      <c r="L52" s="130">
        <v>26</v>
      </c>
      <c r="M52" s="126" t="s">
        <v>433</v>
      </c>
      <c r="N52" s="48" t="s">
        <v>433</v>
      </c>
      <c r="O52" s="160" t="s">
        <v>572</v>
      </c>
      <c r="P52" s="237"/>
      <c r="Q52" s="235" t="s">
        <v>385</v>
      </c>
      <c r="R52" s="42" t="s">
        <v>465</v>
      </c>
      <c r="S52" s="152">
        <v>41885</v>
      </c>
      <c r="U52" s="78"/>
    </row>
    <row r="53" spans="1:21" ht="18.75" customHeight="1" x14ac:dyDescent="0.2">
      <c r="A53" s="229"/>
      <c r="B53" s="234"/>
      <c r="C53" s="256"/>
      <c r="D53" s="56"/>
      <c r="E53" s="26" t="s">
        <v>23</v>
      </c>
      <c r="F53" s="258" t="s">
        <v>499</v>
      </c>
      <c r="G53" s="259"/>
      <c r="H53" s="199" t="s">
        <v>71</v>
      </c>
      <c r="I53" s="220" t="s">
        <v>501</v>
      </c>
      <c r="J53" s="20"/>
      <c r="K53" s="36"/>
      <c r="L53" s="131"/>
      <c r="M53" s="52"/>
      <c r="N53" s="50"/>
      <c r="O53" s="72">
        <v>130000</v>
      </c>
      <c r="P53" s="238"/>
      <c r="Q53" s="254"/>
      <c r="R53" s="44"/>
      <c r="S53" s="53">
        <v>41885</v>
      </c>
      <c r="U53" s="78"/>
    </row>
    <row r="54" spans="1:21" ht="18.75" customHeight="1" x14ac:dyDescent="0.2">
      <c r="A54" s="229"/>
      <c r="B54" s="233">
        <v>25</v>
      </c>
      <c r="C54" s="256"/>
      <c r="D54" s="298" t="s">
        <v>698</v>
      </c>
      <c r="E54" s="327"/>
      <c r="F54" s="299" t="s">
        <v>525</v>
      </c>
      <c r="G54" s="300"/>
      <c r="H54" s="100" t="s">
        <v>72</v>
      </c>
      <c r="I54" s="202" t="s">
        <v>526</v>
      </c>
      <c r="J54" s="80" t="s">
        <v>455</v>
      </c>
      <c r="K54" s="112">
        <v>27</v>
      </c>
      <c r="L54" s="130">
        <v>27</v>
      </c>
      <c r="M54" s="54" t="s">
        <v>433</v>
      </c>
      <c r="N54" s="42" t="s">
        <v>433</v>
      </c>
      <c r="O54" s="160">
        <v>135000</v>
      </c>
      <c r="P54" s="237"/>
      <c r="Q54" s="235" t="s">
        <v>385</v>
      </c>
      <c r="R54" s="42" t="s">
        <v>109</v>
      </c>
      <c r="S54" s="152">
        <v>42156</v>
      </c>
      <c r="U54" s="78"/>
    </row>
    <row r="55" spans="1:21" ht="18.75" customHeight="1" x14ac:dyDescent="0.2">
      <c r="A55" s="229"/>
      <c r="B55" s="297"/>
      <c r="C55" s="256"/>
      <c r="D55" s="56"/>
      <c r="E55" s="26" t="s">
        <v>23</v>
      </c>
      <c r="F55" s="258" t="s">
        <v>573</v>
      </c>
      <c r="G55" s="259"/>
      <c r="H55" s="199" t="s">
        <v>71</v>
      </c>
      <c r="I55" s="220" t="s">
        <v>527</v>
      </c>
      <c r="J55" s="20"/>
      <c r="K55" s="36"/>
      <c r="L55" s="131"/>
      <c r="M55" s="52"/>
      <c r="N55" s="50"/>
      <c r="O55" s="72"/>
      <c r="P55" s="238"/>
      <c r="Q55" s="254"/>
      <c r="R55" s="44"/>
      <c r="S55" s="53">
        <v>42156</v>
      </c>
      <c r="U55" s="78"/>
    </row>
    <row r="56" spans="1:21" ht="18.75" customHeight="1" x14ac:dyDescent="0.2">
      <c r="A56" s="229"/>
      <c r="B56" s="233">
        <v>26</v>
      </c>
      <c r="C56" s="256"/>
      <c r="D56" s="247" t="s">
        <v>528</v>
      </c>
      <c r="E56" s="260"/>
      <c r="F56" s="299" t="s">
        <v>529</v>
      </c>
      <c r="G56" s="300"/>
      <c r="H56" s="100" t="s">
        <v>72</v>
      </c>
      <c r="I56" s="202" t="s">
        <v>531</v>
      </c>
      <c r="J56" s="162" t="s">
        <v>533</v>
      </c>
      <c r="K56" s="112">
        <v>5</v>
      </c>
      <c r="L56" s="130">
        <v>5</v>
      </c>
      <c r="M56" s="54" t="s">
        <v>433</v>
      </c>
      <c r="N56" s="48" t="s">
        <v>433</v>
      </c>
      <c r="O56" s="160">
        <v>118600</v>
      </c>
      <c r="P56" s="237"/>
      <c r="Q56" s="235" t="s">
        <v>92</v>
      </c>
      <c r="R56" s="42" t="s">
        <v>534</v>
      </c>
      <c r="S56" s="152">
        <v>42170</v>
      </c>
      <c r="U56" s="78"/>
    </row>
    <row r="57" spans="1:21" ht="18.75" customHeight="1" x14ac:dyDescent="0.2">
      <c r="A57" s="229"/>
      <c r="B57" s="234"/>
      <c r="C57" s="256"/>
      <c r="D57" s="56"/>
      <c r="E57" s="26" t="s">
        <v>23</v>
      </c>
      <c r="F57" s="258" t="s">
        <v>530</v>
      </c>
      <c r="G57" s="259"/>
      <c r="H57" s="199" t="s">
        <v>71</v>
      </c>
      <c r="I57" s="220" t="s">
        <v>532</v>
      </c>
      <c r="J57" s="20"/>
      <c r="K57" s="36"/>
      <c r="L57" s="131"/>
      <c r="M57" s="52"/>
      <c r="N57" s="50"/>
      <c r="O57" s="72"/>
      <c r="P57" s="238"/>
      <c r="Q57" s="253"/>
      <c r="R57" s="44"/>
      <c r="S57" s="53">
        <v>42170</v>
      </c>
      <c r="U57" s="78"/>
    </row>
    <row r="58" spans="1:21" ht="18.75" customHeight="1" x14ac:dyDescent="0.2">
      <c r="A58" s="229"/>
      <c r="B58" s="233">
        <v>27</v>
      </c>
      <c r="C58" s="256"/>
      <c r="D58" s="298" t="s">
        <v>666</v>
      </c>
      <c r="E58" s="240"/>
      <c r="F58" s="299" t="s">
        <v>667</v>
      </c>
      <c r="G58" s="300"/>
      <c r="H58" s="100" t="s">
        <v>72</v>
      </c>
      <c r="I58" s="202" t="s">
        <v>669</v>
      </c>
      <c r="J58" s="163" t="s">
        <v>665</v>
      </c>
      <c r="K58" s="112">
        <v>40</v>
      </c>
      <c r="L58" s="130">
        <v>80</v>
      </c>
      <c r="M58" s="54" t="s">
        <v>433</v>
      </c>
      <c r="N58" s="192">
        <v>150000</v>
      </c>
      <c r="O58" s="160">
        <v>140680</v>
      </c>
      <c r="P58" s="237"/>
      <c r="Q58" s="235"/>
      <c r="R58" s="42" t="s">
        <v>671</v>
      </c>
      <c r="S58" s="152">
        <v>41357</v>
      </c>
      <c r="U58" s="78"/>
    </row>
    <row r="59" spans="1:21" ht="18.75" customHeight="1" x14ac:dyDescent="0.2">
      <c r="A59" s="229"/>
      <c r="B59" s="234"/>
      <c r="C59" s="256"/>
      <c r="D59" s="56"/>
      <c r="E59" s="26" t="s">
        <v>23</v>
      </c>
      <c r="F59" s="258" t="s">
        <v>668</v>
      </c>
      <c r="G59" s="259"/>
      <c r="H59" s="199" t="s">
        <v>71</v>
      </c>
      <c r="I59" s="220" t="s">
        <v>670</v>
      </c>
      <c r="J59" s="20"/>
      <c r="K59" s="36"/>
      <c r="L59" s="131"/>
      <c r="M59" s="52"/>
      <c r="N59" s="50"/>
      <c r="O59" s="72"/>
      <c r="P59" s="238"/>
      <c r="Q59" s="236"/>
      <c r="R59" s="44"/>
      <c r="S59" s="53">
        <v>42173</v>
      </c>
      <c r="U59" s="78"/>
    </row>
    <row r="60" spans="1:21" ht="18.75" customHeight="1" x14ac:dyDescent="0.2">
      <c r="A60" s="229"/>
      <c r="B60" s="233">
        <v>28</v>
      </c>
      <c r="C60" s="256"/>
      <c r="D60" s="247" t="s">
        <v>535</v>
      </c>
      <c r="E60" s="260"/>
      <c r="F60" s="299" t="s">
        <v>540</v>
      </c>
      <c r="G60" s="300"/>
      <c r="H60" s="100" t="s">
        <v>72</v>
      </c>
      <c r="I60" s="202" t="s">
        <v>536</v>
      </c>
      <c r="J60" s="163" t="s">
        <v>538</v>
      </c>
      <c r="K60" s="112">
        <v>25</v>
      </c>
      <c r="L60" s="130">
        <v>25</v>
      </c>
      <c r="M60" s="54" t="s">
        <v>433</v>
      </c>
      <c r="N60" s="48" t="s">
        <v>213</v>
      </c>
      <c r="O60" s="160">
        <v>98600</v>
      </c>
      <c r="P60" s="237"/>
      <c r="Q60" s="235" t="s">
        <v>78</v>
      </c>
      <c r="R60" s="42" t="s">
        <v>539</v>
      </c>
      <c r="S60" s="152">
        <v>42263</v>
      </c>
      <c r="U60" s="78"/>
    </row>
    <row r="61" spans="1:21" ht="18.75" customHeight="1" x14ac:dyDescent="0.2">
      <c r="A61" s="229"/>
      <c r="B61" s="234"/>
      <c r="C61" s="256"/>
      <c r="D61" s="56"/>
      <c r="E61" s="26" t="s">
        <v>23</v>
      </c>
      <c r="F61" s="258" t="s">
        <v>574</v>
      </c>
      <c r="G61" s="259"/>
      <c r="H61" s="199" t="s">
        <v>71</v>
      </c>
      <c r="I61" s="220" t="s">
        <v>537</v>
      </c>
      <c r="J61" s="20"/>
      <c r="K61" s="36"/>
      <c r="L61" s="131"/>
      <c r="M61" s="52"/>
      <c r="N61" s="50"/>
      <c r="O61" s="72"/>
      <c r="P61" s="238"/>
      <c r="Q61" s="236"/>
      <c r="R61" s="44"/>
      <c r="S61" s="53">
        <v>42263</v>
      </c>
      <c r="U61" s="78"/>
    </row>
    <row r="62" spans="1:21" ht="18.75" customHeight="1" x14ac:dyDescent="0.2">
      <c r="A62" s="229"/>
      <c r="B62" s="233">
        <v>29</v>
      </c>
      <c r="C62" s="256"/>
      <c r="D62" s="168" t="s">
        <v>547</v>
      </c>
      <c r="E62" s="166"/>
      <c r="F62" s="299" t="s">
        <v>548</v>
      </c>
      <c r="G62" s="300"/>
      <c r="H62" s="169" t="s">
        <v>72</v>
      </c>
      <c r="I62" s="202" t="s">
        <v>550</v>
      </c>
      <c r="J62" s="80" t="s">
        <v>552</v>
      </c>
      <c r="K62" s="170">
        <v>23</v>
      </c>
      <c r="L62" s="171">
        <v>25</v>
      </c>
      <c r="M62" s="54" t="s">
        <v>433</v>
      </c>
      <c r="N62" s="48" t="s">
        <v>433</v>
      </c>
      <c r="O62" s="160" t="s">
        <v>600</v>
      </c>
      <c r="P62" s="237"/>
      <c r="Q62" s="235" t="s">
        <v>553</v>
      </c>
      <c r="R62" s="42" t="s">
        <v>554</v>
      </c>
      <c r="S62" s="152">
        <v>42632</v>
      </c>
      <c r="U62" s="78"/>
    </row>
    <row r="63" spans="1:21" ht="18.75" customHeight="1" x14ac:dyDescent="0.2">
      <c r="A63" s="229"/>
      <c r="B63" s="234"/>
      <c r="C63" s="256"/>
      <c r="D63" s="67"/>
      <c r="E63" s="167" t="s">
        <v>23</v>
      </c>
      <c r="F63" s="301" t="s">
        <v>549</v>
      </c>
      <c r="G63" s="302"/>
      <c r="H63" s="223" t="s">
        <v>71</v>
      </c>
      <c r="I63" s="204" t="s">
        <v>551</v>
      </c>
      <c r="J63" s="78"/>
      <c r="K63" s="68"/>
      <c r="L63" s="69"/>
      <c r="M63" s="70"/>
      <c r="N63" s="91"/>
      <c r="O63" s="143"/>
      <c r="P63" s="324"/>
      <c r="Q63" s="293"/>
      <c r="R63" s="46" t="s">
        <v>555</v>
      </c>
      <c r="S63" s="60">
        <v>42632</v>
      </c>
      <c r="U63" s="78"/>
    </row>
    <row r="64" spans="1:21" ht="18.75" customHeight="1" x14ac:dyDescent="0.2">
      <c r="A64" s="229"/>
      <c r="B64" s="233">
        <v>30</v>
      </c>
      <c r="C64" s="256"/>
      <c r="D64" s="168" t="s">
        <v>617</v>
      </c>
      <c r="E64" s="166"/>
      <c r="F64" s="173" t="s">
        <v>645</v>
      </c>
      <c r="G64" s="174"/>
      <c r="H64" s="169" t="s">
        <v>72</v>
      </c>
      <c r="I64" s="202" t="s">
        <v>618</v>
      </c>
      <c r="J64" s="80" t="s">
        <v>723</v>
      </c>
      <c r="K64" s="170">
        <v>22</v>
      </c>
      <c r="L64" s="171">
        <v>22</v>
      </c>
      <c r="M64" s="54" t="s">
        <v>4</v>
      </c>
      <c r="N64" s="192">
        <v>90000</v>
      </c>
      <c r="O64" s="160">
        <v>123600</v>
      </c>
      <c r="P64" s="237"/>
      <c r="Q64" s="235" t="s">
        <v>385</v>
      </c>
      <c r="R64" s="42" t="s">
        <v>620</v>
      </c>
      <c r="S64" s="49">
        <v>42826</v>
      </c>
      <c r="U64" s="78"/>
    </row>
    <row r="65" spans="1:21" ht="18.75" customHeight="1" x14ac:dyDescent="0.2">
      <c r="A65" s="229"/>
      <c r="B65" s="234"/>
      <c r="C65" s="256"/>
      <c r="D65" s="56"/>
      <c r="E65" s="167" t="s">
        <v>23</v>
      </c>
      <c r="F65" s="258" t="s">
        <v>644</v>
      </c>
      <c r="G65" s="296"/>
      <c r="H65" s="223" t="s">
        <v>71</v>
      </c>
      <c r="I65" s="204" t="s">
        <v>619</v>
      </c>
      <c r="J65" s="20"/>
      <c r="K65" s="36"/>
      <c r="L65" s="37"/>
      <c r="M65" s="52"/>
      <c r="N65" s="40"/>
      <c r="O65" s="72"/>
      <c r="P65" s="324"/>
      <c r="Q65" s="254"/>
      <c r="R65" s="44"/>
      <c r="S65" s="156">
        <v>42826</v>
      </c>
      <c r="U65" s="78"/>
    </row>
    <row r="66" spans="1:21" ht="18.75" customHeight="1" x14ac:dyDescent="0.2">
      <c r="A66" s="229"/>
      <c r="B66" s="233">
        <v>31</v>
      </c>
      <c r="C66" s="256"/>
      <c r="D66" s="165" t="s">
        <v>627</v>
      </c>
      <c r="E66" s="166"/>
      <c r="F66" s="177" t="s">
        <v>628</v>
      </c>
      <c r="G66" s="178"/>
      <c r="H66" s="169" t="s">
        <v>72</v>
      </c>
      <c r="I66" s="208" t="s">
        <v>630</v>
      </c>
      <c r="J66" s="78" t="s">
        <v>724</v>
      </c>
      <c r="K66" s="164">
        <v>45</v>
      </c>
      <c r="L66" s="69">
        <v>45</v>
      </c>
      <c r="M66" s="70" t="s">
        <v>433</v>
      </c>
      <c r="N66" s="91" t="s">
        <v>433</v>
      </c>
      <c r="O66" s="143">
        <v>103040</v>
      </c>
      <c r="P66" s="237"/>
      <c r="Q66" s="176" t="s">
        <v>632</v>
      </c>
      <c r="R66" s="46" t="s">
        <v>633</v>
      </c>
      <c r="S66" s="60">
        <v>43040</v>
      </c>
      <c r="U66" s="78"/>
    </row>
    <row r="67" spans="1:21" ht="18.75" customHeight="1" x14ac:dyDescent="0.2">
      <c r="A67" s="229"/>
      <c r="B67" s="234"/>
      <c r="C67" s="256"/>
      <c r="D67" s="67"/>
      <c r="E67" s="167" t="s">
        <v>23</v>
      </c>
      <c r="F67" s="179" t="s">
        <v>629</v>
      </c>
      <c r="G67" s="178"/>
      <c r="H67" s="223" t="s">
        <v>71</v>
      </c>
      <c r="I67" s="204" t="s">
        <v>631</v>
      </c>
      <c r="J67" s="78"/>
      <c r="K67" s="68"/>
      <c r="L67" s="69"/>
      <c r="M67" s="70"/>
      <c r="N67" s="91"/>
      <c r="O67" s="143"/>
      <c r="P67" s="324"/>
      <c r="Q67" s="176"/>
      <c r="R67" s="46" t="s">
        <v>634</v>
      </c>
      <c r="S67" s="182">
        <v>43040</v>
      </c>
      <c r="U67" s="78"/>
    </row>
    <row r="68" spans="1:21" ht="18.75" customHeight="1" x14ac:dyDescent="0.2">
      <c r="A68" s="229"/>
      <c r="B68" s="233">
        <v>32</v>
      </c>
      <c r="C68" s="256"/>
      <c r="D68" s="168" t="s">
        <v>646</v>
      </c>
      <c r="E68" s="166"/>
      <c r="F68" s="183" t="s">
        <v>647</v>
      </c>
      <c r="G68" s="184"/>
      <c r="H68" s="169" t="s">
        <v>72</v>
      </c>
      <c r="I68" s="208" t="s">
        <v>649</v>
      </c>
      <c r="J68" s="80" t="s">
        <v>651</v>
      </c>
      <c r="K68" s="112">
        <v>39</v>
      </c>
      <c r="L68" s="171">
        <v>39</v>
      </c>
      <c r="M68" s="54" t="s">
        <v>4</v>
      </c>
      <c r="N68" s="48" t="s">
        <v>652</v>
      </c>
      <c r="O68" s="160" t="s">
        <v>653</v>
      </c>
      <c r="P68" s="237"/>
      <c r="Q68" s="235" t="s">
        <v>78</v>
      </c>
      <c r="R68" s="42" t="s">
        <v>654</v>
      </c>
      <c r="S68" s="152">
        <v>43164</v>
      </c>
      <c r="U68" s="78"/>
    </row>
    <row r="69" spans="1:21" ht="18.75" customHeight="1" x14ac:dyDescent="0.2">
      <c r="A69" s="229"/>
      <c r="B69" s="234"/>
      <c r="C69" s="256"/>
      <c r="D69" s="56"/>
      <c r="E69" s="167" t="s">
        <v>23</v>
      </c>
      <c r="F69" s="187" t="s">
        <v>648</v>
      </c>
      <c r="G69" s="181"/>
      <c r="H69" s="223" t="s">
        <v>71</v>
      </c>
      <c r="I69" s="204" t="s">
        <v>650</v>
      </c>
      <c r="J69" s="20"/>
      <c r="K69" s="36"/>
      <c r="L69" s="37"/>
      <c r="M69" s="52"/>
      <c r="N69" s="40"/>
      <c r="O69" s="72">
        <v>165600</v>
      </c>
      <c r="P69" s="324"/>
      <c r="Q69" s="236"/>
      <c r="R69" s="44"/>
      <c r="S69" s="182">
        <v>43164</v>
      </c>
      <c r="U69" s="78"/>
    </row>
    <row r="70" spans="1:21" ht="18.75" customHeight="1" x14ac:dyDescent="0.2">
      <c r="A70" s="229"/>
      <c r="B70" s="233">
        <v>33</v>
      </c>
      <c r="C70" s="256"/>
      <c r="D70" s="168" t="s">
        <v>638</v>
      </c>
      <c r="E70" s="166"/>
      <c r="F70" s="183" t="s">
        <v>636</v>
      </c>
      <c r="G70" s="184"/>
      <c r="H70" s="169" t="s">
        <v>72</v>
      </c>
      <c r="I70" s="208" t="s">
        <v>639</v>
      </c>
      <c r="J70" s="80" t="s">
        <v>641</v>
      </c>
      <c r="K70" s="170">
        <v>9</v>
      </c>
      <c r="L70" s="185">
        <v>9</v>
      </c>
      <c r="M70" s="54" t="s">
        <v>433</v>
      </c>
      <c r="N70" s="48" t="s">
        <v>433</v>
      </c>
      <c r="O70" s="160" t="s">
        <v>643</v>
      </c>
      <c r="P70" s="237"/>
      <c r="Q70" s="235" t="s">
        <v>78</v>
      </c>
      <c r="R70" s="42" t="s">
        <v>642</v>
      </c>
      <c r="S70" s="49">
        <v>43157</v>
      </c>
      <c r="U70" s="78"/>
    </row>
    <row r="71" spans="1:21" ht="18.75" customHeight="1" x14ac:dyDescent="0.2">
      <c r="A71" s="230"/>
      <c r="B71" s="234"/>
      <c r="C71" s="257"/>
      <c r="D71" s="56"/>
      <c r="E71" s="26" t="s">
        <v>23</v>
      </c>
      <c r="F71" s="186" t="s">
        <v>637</v>
      </c>
      <c r="G71" s="181"/>
      <c r="H71" s="223" t="s">
        <v>71</v>
      </c>
      <c r="I71" s="204" t="s">
        <v>640</v>
      </c>
      <c r="J71" s="20"/>
      <c r="K71" s="36"/>
      <c r="L71" s="37"/>
      <c r="M71" s="52"/>
      <c r="N71" s="40"/>
      <c r="O71" s="72"/>
      <c r="P71" s="324"/>
      <c r="Q71" s="236"/>
      <c r="R71" s="44"/>
      <c r="S71" s="156">
        <v>43157</v>
      </c>
      <c r="U71" s="78"/>
    </row>
    <row r="72" spans="1:21" ht="18.75" customHeight="1" x14ac:dyDescent="0.2">
      <c r="A72" s="231" t="s">
        <v>748</v>
      </c>
      <c r="B72" s="233">
        <v>34</v>
      </c>
      <c r="C72" s="255" t="s">
        <v>546</v>
      </c>
      <c r="D72" s="245" t="s">
        <v>208</v>
      </c>
      <c r="E72" s="271"/>
      <c r="F72" s="16" t="s">
        <v>209</v>
      </c>
      <c r="G72" s="21"/>
      <c r="H72" s="100" t="s">
        <v>186</v>
      </c>
      <c r="I72" s="202" t="s">
        <v>211</v>
      </c>
      <c r="J72" s="80" t="s">
        <v>738</v>
      </c>
      <c r="K72" s="34">
        <v>21</v>
      </c>
      <c r="L72" s="35">
        <v>21</v>
      </c>
      <c r="M72" s="54" t="s">
        <v>4</v>
      </c>
      <c r="N72" s="48" t="s">
        <v>4</v>
      </c>
      <c r="O72" s="55" t="s">
        <v>575</v>
      </c>
      <c r="P72" s="237"/>
      <c r="Q72" s="235" t="s">
        <v>92</v>
      </c>
      <c r="R72" s="42" t="s">
        <v>607</v>
      </c>
      <c r="S72" s="152">
        <v>39680</v>
      </c>
      <c r="U72" s="77"/>
    </row>
    <row r="73" spans="1:21" ht="18.75" customHeight="1" x14ac:dyDescent="0.2">
      <c r="A73" s="232"/>
      <c r="B73" s="234"/>
      <c r="C73" s="256"/>
      <c r="D73" s="56"/>
      <c r="E73" s="26" t="s">
        <v>23</v>
      </c>
      <c r="F73" s="251" t="s">
        <v>210</v>
      </c>
      <c r="G73" s="242"/>
      <c r="H73" s="199" t="s">
        <v>188</v>
      </c>
      <c r="I73" s="204" t="s">
        <v>212</v>
      </c>
      <c r="J73" s="20"/>
      <c r="K73" s="36"/>
      <c r="L73" s="37"/>
      <c r="M73" s="52"/>
      <c r="N73" s="44"/>
      <c r="O73" s="72">
        <v>105413</v>
      </c>
      <c r="P73" s="238"/>
      <c r="Q73" s="236"/>
      <c r="R73" s="46" t="s">
        <v>608</v>
      </c>
      <c r="S73" s="53">
        <v>39680</v>
      </c>
      <c r="U73" s="77"/>
    </row>
    <row r="74" spans="1:21" ht="18.75" customHeight="1" x14ac:dyDescent="0.2">
      <c r="A74" s="232"/>
      <c r="B74" s="233">
        <v>35</v>
      </c>
      <c r="C74" s="256"/>
      <c r="D74" s="245" t="s">
        <v>298</v>
      </c>
      <c r="E74" s="271"/>
      <c r="F74" s="16" t="s">
        <v>299</v>
      </c>
      <c r="G74" s="21"/>
      <c r="H74" s="100" t="s">
        <v>82</v>
      </c>
      <c r="I74" s="202" t="s">
        <v>301</v>
      </c>
      <c r="J74" s="80" t="s">
        <v>738</v>
      </c>
      <c r="K74" s="34">
        <v>16</v>
      </c>
      <c r="L74" s="35">
        <v>20</v>
      </c>
      <c r="M74" s="54" t="s">
        <v>4</v>
      </c>
      <c r="N74" s="48" t="s">
        <v>4</v>
      </c>
      <c r="O74" s="45" t="s">
        <v>576</v>
      </c>
      <c r="P74" s="237"/>
      <c r="Q74" s="235" t="s">
        <v>92</v>
      </c>
      <c r="R74" s="42" t="s">
        <v>303</v>
      </c>
      <c r="S74" s="152">
        <v>40422</v>
      </c>
      <c r="U74" s="77"/>
    </row>
    <row r="75" spans="1:21" ht="18.75" customHeight="1" x14ac:dyDescent="0.2">
      <c r="A75" s="232"/>
      <c r="B75" s="234"/>
      <c r="C75" s="257"/>
      <c r="D75" s="56"/>
      <c r="E75" s="26" t="s">
        <v>23</v>
      </c>
      <c r="F75" s="251" t="s">
        <v>300</v>
      </c>
      <c r="G75" s="272"/>
      <c r="H75" s="199" t="s">
        <v>85</v>
      </c>
      <c r="I75" s="204" t="s">
        <v>302</v>
      </c>
      <c r="J75" s="20"/>
      <c r="K75" s="36"/>
      <c r="L75" s="37"/>
      <c r="M75" s="52"/>
      <c r="N75" s="40"/>
      <c r="O75" s="72">
        <v>107094</v>
      </c>
      <c r="P75" s="243"/>
      <c r="Q75" s="253"/>
      <c r="R75" s="46" t="s">
        <v>304</v>
      </c>
      <c r="S75" s="53">
        <v>40422</v>
      </c>
      <c r="U75" s="77"/>
    </row>
    <row r="76" spans="1:21" ht="18.75" customHeight="1" x14ac:dyDescent="0.2">
      <c r="A76" s="232"/>
      <c r="B76" s="233">
        <v>36</v>
      </c>
      <c r="C76" s="255" t="s">
        <v>26</v>
      </c>
      <c r="D76" s="325" t="s">
        <v>117</v>
      </c>
      <c r="E76" s="326"/>
      <c r="F76" s="303" t="s">
        <v>195</v>
      </c>
      <c r="G76" s="274"/>
      <c r="H76" s="100" t="s">
        <v>118</v>
      </c>
      <c r="I76" s="209" t="s">
        <v>119</v>
      </c>
      <c r="J76" s="80" t="s">
        <v>749</v>
      </c>
      <c r="K76" s="112">
        <v>29</v>
      </c>
      <c r="L76" s="212">
        <v>42</v>
      </c>
      <c r="M76" s="87" t="s">
        <v>4</v>
      </c>
      <c r="N76" s="48" t="s">
        <v>4</v>
      </c>
      <c r="O76" s="45" t="s">
        <v>604</v>
      </c>
      <c r="P76" s="235" t="s">
        <v>83</v>
      </c>
      <c r="Q76" s="235" t="s">
        <v>78</v>
      </c>
      <c r="R76" s="42" t="s">
        <v>120</v>
      </c>
      <c r="S76" s="153">
        <v>34851</v>
      </c>
      <c r="U76" s="1" t="s">
        <v>27</v>
      </c>
    </row>
    <row r="77" spans="1:21" ht="18.75" customHeight="1" x14ac:dyDescent="0.2">
      <c r="A77" s="232"/>
      <c r="B77" s="234"/>
      <c r="C77" s="256"/>
      <c r="D77" s="205" t="s">
        <v>10</v>
      </c>
      <c r="E77" s="57"/>
      <c r="F77" s="304" t="s">
        <v>28</v>
      </c>
      <c r="G77" s="296"/>
      <c r="H77" s="199" t="s">
        <v>121</v>
      </c>
      <c r="I77" s="222" t="s">
        <v>122</v>
      </c>
      <c r="J77" s="113" t="s">
        <v>725</v>
      </c>
      <c r="K77" s="114"/>
      <c r="L77" s="213"/>
      <c r="M77" s="90"/>
      <c r="N77" s="40"/>
      <c r="O77" s="43">
        <v>233100</v>
      </c>
      <c r="P77" s="236"/>
      <c r="Q77" s="236"/>
      <c r="R77" s="44" t="s">
        <v>123</v>
      </c>
      <c r="S77" s="156">
        <v>38808</v>
      </c>
      <c r="U77" s="1"/>
    </row>
    <row r="78" spans="1:21" ht="18.75" customHeight="1" x14ac:dyDescent="0.2">
      <c r="A78" s="232"/>
      <c r="B78" s="233">
        <v>37</v>
      </c>
      <c r="C78" s="256"/>
      <c r="D78" s="325" t="s">
        <v>124</v>
      </c>
      <c r="E78" s="326"/>
      <c r="F78" s="303" t="s">
        <v>196</v>
      </c>
      <c r="G78" s="274"/>
      <c r="H78" s="100" t="s">
        <v>82</v>
      </c>
      <c r="I78" s="209" t="s">
        <v>125</v>
      </c>
      <c r="J78" s="98" t="s">
        <v>726</v>
      </c>
      <c r="K78" s="38">
        <v>50</v>
      </c>
      <c r="L78" s="214">
        <v>50</v>
      </c>
      <c r="M78" s="87" t="s">
        <v>213</v>
      </c>
      <c r="N78" s="91" t="s">
        <v>69</v>
      </c>
      <c r="O78" s="106" t="s">
        <v>577</v>
      </c>
      <c r="P78" s="235" t="s">
        <v>126</v>
      </c>
      <c r="Q78" s="235" t="s">
        <v>127</v>
      </c>
      <c r="R78" s="42" t="s">
        <v>128</v>
      </c>
      <c r="S78" s="154">
        <v>39527</v>
      </c>
      <c r="U78" s="1"/>
    </row>
    <row r="79" spans="1:21" ht="18.75" customHeight="1" x14ac:dyDescent="0.2">
      <c r="A79" s="232"/>
      <c r="B79" s="234"/>
      <c r="C79" s="256"/>
      <c r="D79" s="205" t="s">
        <v>10</v>
      </c>
      <c r="E79" s="57"/>
      <c r="F79" s="304" t="s">
        <v>129</v>
      </c>
      <c r="G79" s="296"/>
      <c r="H79" s="199" t="s">
        <v>130</v>
      </c>
      <c r="I79" s="221" t="s">
        <v>131</v>
      </c>
      <c r="J79" s="98"/>
      <c r="K79" s="38"/>
      <c r="L79" s="214"/>
      <c r="M79" s="115"/>
      <c r="N79" s="91"/>
      <c r="O79" s="107">
        <v>159000</v>
      </c>
      <c r="P79" s="236"/>
      <c r="Q79" s="236"/>
      <c r="R79" s="44" t="s">
        <v>132</v>
      </c>
      <c r="S79" s="58">
        <v>39527</v>
      </c>
      <c r="U79" s="1"/>
    </row>
    <row r="80" spans="1:21" ht="18.75" customHeight="1" x14ac:dyDescent="0.2">
      <c r="A80" s="232"/>
      <c r="B80" s="233">
        <v>38</v>
      </c>
      <c r="C80" s="256"/>
      <c r="D80" s="227" t="s">
        <v>29</v>
      </c>
      <c r="E80" s="28"/>
      <c r="F80" s="16" t="s">
        <v>197</v>
      </c>
      <c r="G80" s="21"/>
      <c r="H80" s="116" t="s">
        <v>72</v>
      </c>
      <c r="I80" s="210" t="s">
        <v>30</v>
      </c>
      <c r="J80" s="96" t="s">
        <v>727</v>
      </c>
      <c r="K80" s="34">
        <v>43</v>
      </c>
      <c r="L80" s="206">
        <v>43</v>
      </c>
      <c r="M80" s="87" t="s">
        <v>213</v>
      </c>
      <c r="N80" s="48" t="s">
        <v>4</v>
      </c>
      <c r="O80" s="42" t="s">
        <v>578</v>
      </c>
      <c r="P80" s="235" t="s">
        <v>83</v>
      </c>
      <c r="Q80" s="235" t="s">
        <v>78</v>
      </c>
      <c r="R80" s="42" t="s">
        <v>133</v>
      </c>
      <c r="S80" s="152">
        <v>38285</v>
      </c>
      <c r="T80" s="6"/>
      <c r="U80" s="268" t="s">
        <v>32</v>
      </c>
    </row>
    <row r="81" spans="1:21" ht="18.75" customHeight="1" x14ac:dyDescent="0.2">
      <c r="A81" s="232"/>
      <c r="B81" s="234"/>
      <c r="C81" s="256"/>
      <c r="D81" s="205" t="s">
        <v>10</v>
      </c>
      <c r="E81" s="28"/>
      <c r="F81" s="251" t="s">
        <v>369</v>
      </c>
      <c r="G81" s="252"/>
      <c r="H81" s="199" t="s">
        <v>130</v>
      </c>
      <c r="I81" s="203" t="s">
        <v>134</v>
      </c>
      <c r="J81" s="97"/>
      <c r="K81" s="36"/>
      <c r="L81" s="207"/>
      <c r="M81" s="88"/>
      <c r="N81" s="50"/>
      <c r="O81" s="43"/>
      <c r="P81" s="236"/>
      <c r="Q81" s="236"/>
      <c r="R81" s="44" t="s">
        <v>33</v>
      </c>
      <c r="S81" s="60">
        <v>38808</v>
      </c>
      <c r="T81" s="6"/>
      <c r="U81" s="268"/>
    </row>
    <row r="82" spans="1:21" ht="18.75" customHeight="1" x14ac:dyDescent="0.2">
      <c r="A82" s="232"/>
      <c r="B82" s="233">
        <v>39</v>
      </c>
      <c r="C82" s="256"/>
      <c r="D82" s="270" t="s">
        <v>34</v>
      </c>
      <c r="E82" s="271"/>
      <c r="F82" s="30" t="s">
        <v>198</v>
      </c>
      <c r="G82" s="18"/>
      <c r="H82" s="100" t="s">
        <v>135</v>
      </c>
      <c r="I82" s="202" t="s">
        <v>35</v>
      </c>
      <c r="J82" s="80" t="s">
        <v>728</v>
      </c>
      <c r="K82" s="34">
        <v>50</v>
      </c>
      <c r="L82" s="206">
        <v>50</v>
      </c>
      <c r="M82" s="87" t="s">
        <v>4</v>
      </c>
      <c r="N82" s="48" t="s">
        <v>4</v>
      </c>
      <c r="O82" s="55" t="s">
        <v>579</v>
      </c>
      <c r="P82" s="235" t="s">
        <v>77</v>
      </c>
      <c r="Q82" s="235" t="s">
        <v>78</v>
      </c>
      <c r="R82" s="42" t="s">
        <v>215</v>
      </c>
      <c r="S82" s="152">
        <v>39229</v>
      </c>
      <c r="T82" s="59"/>
      <c r="U82" s="268" t="s">
        <v>22</v>
      </c>
    </row>
    <row r="83" spans="1:21" ht="18.75" customHeight="1" x14ac:dyDescent="0.2">
      <c r="A83" s="232"/>
      <c r="B83" s="234"/>
      <c r="C83" s="256"/>
      <c r="D83" s="205" t="s">
        <v>10</v>
      </c>
      <c r="E83" s="26" t="s">
        <v>23</v>
      </c>
      <c r="F83" s="241" t="s">
        <v>36</v>
      </c>
      <c r="G83" s="242"/>
      <c r="H83" s="199" t="s">
        <v>71</v>
      </c>
      <c r="I83" s="203" t="s">
        <v>137</v>
      </c>
      <c r="J83" s="20"/>
      <c r="K83" s="128">
        <v>39</v>
      </c>
      <c r="L83" s="37">
        <v>78</v>
      </c>
      <c r="M83" s="90"/>
      <c r="N83" s="92"/>
      <c r="O83" s="43">
        <v>316200</v>
      </c>
      <c r="P83" s="236"/>
      <c r="Q83" s="236"/>
      <c r="R83" s="44" t="s">
        <v>37</v>
      </c>
      <c r="S83" s="53">
        <v>39229</v>
      </c>
      <c r="T83" s="17"/>
      <c r="U83" s="268"/>
    </row>
    <row r="84" spans="1:21" ht="18.75" customHeight="1" x14ac:dyDescent="0.2">
      <c r="A84" s="232"/>
      <c r="B84" s="233">
        <v>40</v>
      </c>
      <c r="C84" s="256"/>
      <c r="D84" s="270" t="s">
        <v>292</v>
      </c>
      <c r="E84" s="271"/>
      <c r="F84" s="30" t="s">
        <v>293</v>
      </c>
      <c r="G84" s="18"/>
      <c r="H84" s="100" t="s">
        <v>135</v>
      </c>
      <c r="I84" s="202" t="s">
        <v>295</v>
      </c>
      <c r="J84" s="80" t="s">
        <v>727</v>
      </c>
      <c r="K84" s="34">
        <v>48</v>
      </c>
      <c r="L84" s="206">
        <v>48</v>
      </c>
      <c r="M84" s="54" t="s">
        <v>213</v>
      </c>
      <c r="N84" s="48" t="s">
        <v>4</v>
      </c>
      <c r="O84" s="55" t="s">
        <v>580</v>
      </c>
      <c r="P84" s="235" t="s">
        <v>83</v>
      </c>
      <c r="Q84" s="235" t="s">
        <v>78</v>
      </c>
      <c r="R84" s="42" t="s">
        <v>297</v>
      </c>
      <c r="S84" s="152">
        <v>40391</v>
      </c>
      <c r="T84" s="59"/>
      <c r="U84" s="268" t="s">
        <v>22</v>
      </c>
    </row>
    <row r="85" spans="1:21" ht="18.75" customHeight="1" x14ac:dyDescent="0.2">
      <c r="A85" s="232"/>
      <c r="B85" s="234"/>
      <c r="C85" s="256"/>
      <c r="D85" s="205" t="s">
        <v>10</v>
      </c>
      <c r="E85" s="28"/>
      <c r="F85" s="241" t="s">
        <v>294</v>
      </c>
      <c r="G85" s="242"/>
      <c r="H85" s="199" t="s">
        <v>71</v>
      </c>
      <c r="I85" s="203" t="s">
        <v>296</v>
      </c>
      <c r="J85" s="20"/>
      <c r="K85" s="36"/>
      <c r="L85" s="207"/>
      <c r="M85" s="52"/>
      <c r="N85" s="92"/>
      <c r="O85" s="43"/>
      <c r="P85" s="236"/>
      <c r="Q85" s="236"/>
      <c r="R85" s="44"/>
      <c r="S85" s="53">
        <v>40391</v>
      </c>
      <c r="T85" s="17"/>
      <c r="U85" s="268"/>
    </row>
    <row r="86" spans="1:21" ht="18.75" customHeight="1" x14ac:dyDescent="0.2">
      <c r="A86" s="232"/>
      <c r="B86" s="233">
        <v>41</v>
      </c>
      <c r="C86" s="256"/>
      <c r="D86" s="270" t="s">
        <v>312</v>
      </c>
      <c r="E86" s="271"/>
      <c r="F86" s="30" t="s">
        <v>313</v>
      </c>
      <c r="G86" s="18"/>
      <c r="H86" s="100" t="s">
        <v>135</v>
      </c>
      <c r="I86" s="202" t="s">
        <v>477</v>
      </c>
      <c r="J86" s="80" t="s">
        <v>729</v>
      </c>
      <c r="K86" s="34">
        <v>20</v>
      </c>
      <c r="L86" s="35">
        <v>20</v>
      </c>
      <c r="M86" s="54" t="s">
        <v>213</v>
      </c>
      <c r="N86" s="48" t="s">
        <v>4</v>
      </c>
      <c r="O86" s="55">
        <v>99500</v>
      </c>
      <c r="P86" s="235" t="s">
        <v>83</v>
      </c>
      <c r="Q86" s="235" t="s">
        <v>92</v>
      </c>
      <c r="R86" s="42" t="s">
        <v>315</v>
      </c>
      <c r="S86" s="152">
        <v>40610</v>
      </c>
      <c r="T86" s="2"/>
      <c r="U86" s="77"/>
    </row>
    <row r="87" spans="1:21" ht="18.75" customHeight="1" x14ac:dyDescent="0.2">
      <c r="A87" s="232"/>
      <c r="B87" s="234"/>
      <c r="C87" s="256"/>
      <c r="D87" s="56"/>
      <c r="E87" s="26" t="s">
        <v>23</v>
      </c>
      <c r="F87" s="241" t="s">
        <v>314</v>
      </c>
      <c r="G87" s="242"/>
      <c r="H87" s="199" t="s">
        <v>71</v>
      </c>
      <c r="I87" s="203" t="s">
        <v>478</v>
      </c>
      <c r="J87" s="20"/>
      <c r="K87" s="36"/>
      <c r="L87" s="37"/>
      <c r="M87" s="52"/>
      <c r="N87" s="92"/>
      <c r="O87" s="43"/>
      <c r="P87" s="236"/>
      <c r="Q87" s="236"/>
      <c r="R87" s="44"/>
      <c r="S87" s="53">
        <v>40610</v>
      </c>
      <c r="T87" s="2"/>
      <c r="U87" s="77"/>
    </row>
    <row r="88" spans="1:21" ht="18.75" customHeight="1" x14ac:dyDescent="0.2">
      <c r="A88" s="232"/>
      <c r="B88" s="233">
        <v>42</v>
      </c>
      <c r="C88" s="256"/>
      <c r="D88" s="245" t="s">
        <v>337</v>
      </c>
      <c r="E88" s="246"/>
      <c r="F88" s="16" t="s">
        <v>479</v>
      </c>
      <c r="G88" s="18"/>
      <c r="H88" s="100" t="s">
        <v>96</v>
      </c>
      <c r="I88" s="202" t="s">
        <v>473</v>
      </c>
      <c r="J88" s="80" t="s">
        <v>714</v>
      </c>
      <c r="K88" s="34">
        <v>33</v>
      </c>
      <c r="L88" s="35">
        <v>33</v>
      </c>
      <c r="M88" s="89" t="s">
        <v>4</v>
      </c>
      <c r="N88" s="48" t="s">
        <v>4</v>
      </c>
      <c r="O88" s="45" t="s">
        <v>602</v>
      </c>
      <c r="P88" s="237"/>
      <c r="Q88" s="235" t="s">
        <v>92</v>
      </c>
      <c r="R88" s="65" t="s">
        <v>338</v>
      </c>
      <c r="S88" s="49">
        <v>42957</v>
      </c>
      <c r="U88" s="78"/>
    </row>
    <row r="89" spans="1:21" ht="18.75" customHeight="1" x14ac:dyDescent="0.2">
      <c r="A89" s="232"/>
      <c r="B89" s="234"/>
      <c r="C89" s="256"/>
      <c r="D89" s="56"/>
      <c r="E89" s="26" t="s">
        <v>23</v>
      </c>
      <c r="F89" s="241" t="s">
        <v>581</v>
      </c>
      <c r="G89" s="242"/>
      <c r="H89" s="199" t="s">
        <v>99</v>
      </c>
      <c r="I89" s="201" t="s">
        <v>480</v>
      </c>
      <c r="J89" s="20"/>
      <c r="K89" s="36"/>
      <c r="L89" s="37"/>
      <c r="M89" s="52"/>
      <c r="N89" s="44"/>
      <c r="O89" s="124" t="s">
        <v>601</v>
      </c>
      <c r="P89" s="238"/>
      <c r="Q89" s="236"/>
      <c r="R89" s="40" t="s">
        <v>625</v>
      </c>
      <c r="S89" s="191">
        <v>42957</v>
      </c>
      <c r="U89" s="78"/>
    </row>
    <row r="90" spans="1:21" ht="18.75" customHeight="1" x14ac:dyDescent="0.2">
      <c r="A90" s="232"/>
      <c r="B90" s="233">
        <v>43</v>
      </c>
      <c r="C90" s="256"/>
      <c r="D90" s="227" t="s">
        <v>349</v>
      </c>
      <c r="E90" s="28"/>
      <c r="F90" s="16" t="s">
        <v>59</v>
      </c>
      <c r="G90" s="21"/>
      <c r="H90" s="116" t="s">
        <v>72</v>
      </c>
      <c r="I90" s="210" t="s">
        <v>60</v>
      </c>
      <c r="J90" s="96" t="s">
        <v>727</v>
      </c>
      <c r="K90" s="34">
        <v>30</v>
      </c>
      <c r="L90" s="206">
        <v>30</v>
      </c>
      <c r="M90" s="89" t="s">
        <v>4</v>
      </c>
      <c r="N90" s="48" t="s">
        <v>4</v>
      </c>
      <c r="O90" s="42" t="s">
        <v>489</v>
      </c>
      <c r="P90" s="235" t="s">
        <v>77</v>
      </c>
      <c r="Q90" s="235" t="s">
        <v>78</v>
      </c>
      <c r="R90" s="42"/>
      <c r="S90" s="152">
        <v>40940</v>
      </c>
      <c r="T90" s="6"/>
      <c r="U90" s="268" t="s">
        <v>32</v>
      </c>
    </row>
    <row r="91" spans="1:21" ht="18.75" customHeight="1" x14ac:dyDescent="0.2">
      <c r="A91" s="232"/>
      <c r="B91" s="234"/>
      <c r="C91" s="256"/>
      <c r="D91" s="205" t="s">
        <v>10</v>
      </c>
      <c r="E91" s="28"/>
      <c r="F91" s="251" t="s">
        <v>350</v>
      </c>
      <c r="G91" s="252"/>
      <c r="H91" s="199" t="s">
        <v>71</v>
      </c>
      <c r="I91" s="203" t="s">
        <v>351</v>
      </c>
      <c r="J91" s="97"/>
      <c r="K91" s="36"/>
      <c r="L91" s="207"/>
      <c r="M91" s="88"/>
      <c r="N91" s="50"/>
      <c r="O91" s="43">
        <v>168960</v>
      </c>
      <c r="P91" s="236"/>
      <c r="Q91" s="236"/>
      <c r="R91" s="44" t="s">
        <v>352</v>
      </c>
      <c r="S91" s="60">
        <v>40940</v>
      </c>
      <c r="T91" s="6"/>
      <c r="U91" s="268"/>
    </row>
    <row r="92" spans="1:21" ht="18.75" customHeight="1" x14ac:dyDescent="0.2">
      <c r="A92" s="232"/>
      <c r="B92" s="233">
        <v>44</v>
      </c>
      <c r="C92" s="256"/>
      <c r="D92" s="245" t="s">
        <v>353</v>
      </c>
      <c r="E92" s="246"/>
      <c r="F92" s="16" t="s">
        <v>354</v>
      </c>
      <c r="G92" s="18"/>
      <c r="H92" s="100" t="s">
        <v>72</v>
      </c>
      <c r="I92" s="202" t="s">
        <v>356</v>
      </c>
      <c r="J92" s="80" t="s">
        <v>730</v>
      </c>
      <c r="K92" s="34">
        <v>22</v>
      </c>
      <c r="L92" s="35">
        <v>22</v>
      </c>
      <c r="M92" s="89" t="s">
        <v>4</v>
      </c>
      <c r="N92" s="48" t="s">
        <v>213</v>
      </c>
      <c r="O92" s="45">
        <v>102000</v>
      </c>
      <c r="P92" s="235" t="s">
        <v>77</v>
      </c>
      <c r="Q92" s="235" t="s">
        <v>92</v>
      </c>
      <c r="R92" s="65" t="s">
        <v>358</v>
      </c>
      <c r="S92" s="152">
        <v>41000</v>
      </c>
      <c r="U92" s="78"/>
    </row>
    <row r="93" spans="1:21" ht="18.75" customHeight="1" x14ac:dyDescent="0.2">
      <c r="A93" s="232"/>
      <c r="B93" s="234"/>
      <c r="C93" s="256"/>
      <c r="D93" s="56"/>
      <c r="E93" s="26" t="s">
        <v>23</v>
      </c>
      <c r="F93" s="241" t="s">
        <v>355</v>
      </c>
      <c r="G93" s="242"/>
      <c r="H93" s="199" t="s">
        <v>71</v>
      </c>
      <c r="I93" s="201" t="s">
        <v>357</v>
      </c>
      <c r="J93" s="20"/>
      <c r="K93" s="36"/>
      <c r="L93" s="37"/>
      <c r="M93" s="52"/>
      <c r="N93" s="44"/>
      <c r="O93" s="79"/>
      <c r="P93" s="236"/>
      <c r="Q93" s="236"/>
      <c r="R93" s="40"/>
      <c r="S93" s="60">
        <v>41000</v>
      </c>
      <c r="U93" s="78"/>
    </row>
    <row r="94" spans="1:21" ht="18.75" customHeight="1" x14ac:dyDescent="0.2">
      <c r="A94" s="232"/>
      <c r="B94" s="233">
        <v>45</v>
      </c>
      <c r="C94" s="256"/>
      <c r="D94" s="245" t="s">
        <v>705</v>
      </c>
      <c r="E94" s="246"/>
      <c r="F94" s="16" t="s">
        <v>396</v>
      </c>
      <c r="G94" s="18"/>
      <c r="H94" s="100" t="s">
        <v>72</v>
      </c>
      <c r="I94" s="202" t="s">
        <v>398</v>
      </c>
      <c r="J94" s="80" t="s">
        <v>704</v>
      </c>
      <c r="K94" s="34">
        <v>25</v>
      </c>
      <c r="L94" s="35">
        <v>25</v>
      </c>
      <c r="M94" s="89" t="s">
        <v>4</v>
      </c>
      <c r="N94" s="48" t="s">
        <v>4</v>
      </c>
      <c r="O94" s="42" t="s">
        <v>475</v>
      </c>
      <c r="P94" s="237"/>
      <c r="Q94" s="235" t="s">
        <v>400</v>
      </c>
      <c r="R94" s="65" t="s">
        <v>401</v>
      </c>
      <c r="S94" s="152">
        <v>41242</v>
      </c>
      <c r="U94" s="78"/>
    </row>
    <row r="95" spans="1:21" ht="18.75" customHeight="1" x14ac:dyDescent="0.2">
      <c r="A95" s="232"/>
      <c r="B95" s="234"/>
      <c r="C95" s="256"/>
      <c r="D95" s="56"/>
      <c r="E95" s="26" t="s">
        <v>23</v>
      </c>
      <c r="F95" s="241" t="s">
        <v>397</v>
      </c>
      <c r="G95" s="242"/>
      <c r="H95" s="199" t="s">
        <v>71</v>
      </c>
      <c r="I95" s="201" t="s">
        <v>399</v>
      </c>
      <c r="J95" s="20"/>
      <c r="K95" s="36"/>
      <c r="L95" s="37"/>
      <c r="M95" s="52"/>
      <c r="N95" s="44"/>
      <c r="O95" s="43">
        <v>126000</v>
      </c>
      <c r="P95" s="238"/>
      <c r="Q95" s="236"/>
      <c r="R95" s="40"/>
      <c r="S95" s="60">
        <v>41242</v>
      </c>
      <c r="U95" s="78"/>
    </row>
    <row r="96" spans="1:21" ht="18.75" customHeight="1" x14ac:dyDescent="0.2">
      <c r="A96" s="232"/>
      <c r="B96" s="233">
        <v>46</v>
      </c>
      <c r="C96" s="256"/>
      <c r="D96" s="245" t="s">
        <v>402</v>
      </c>
      <c r="E96" s="246"/>
      <c r="F96" s="16" t="s">
        <v>403</v>
      </c>
      <c r="G96" s="18"/>
      <c r="H96" s="100" t="s">
        <v>72</v>
      </c>
      <c r="I96" s="202" t="s">
        <v>405</v>
      </c>
      <c r="J96" s="80" t="s">
        <v>703</v>
      </c>
      <c r="K96" s="34">
        <v>27</v>
      </c>
      <c r="L96" s="35">
        <v>27</v>
      </c>
      <c r="M96" s="89" t="s">
        <v>4</v>
      </c>
      <c r="N96" s="48" t="s">
        <v>4</v>
      </c>
      <c r="O96" s="45">
        <v>118000</v>
      </c>
      <c r="P96" s="237"/>
      <c r="Q96" s="235" t="s">
        <v>92</v>
      </c>
      <c r="R96" s="65" t="s">
        <v>407</v>
      </c>
      <c r="S96" s="152">
        <v>41244</v>
      </c>
      <c r="U96" s="78"/>
    </row>
    <row r="97" spans="1:23" ht="18.75" customHeight="1" x14ac:dyDescent="0.2">
      <c r="A97" s="232"/>
      <c r="B97" s="234"/>
      <c r="C97" s="256"/>
      <c r="D97" s="56"/>
      <c r="E97" s="26" t="s">
        <v>23</v>
      </c>
      <c r="F97" s="241" t="s">
        <v>404</v>
      </c>
      <c r="G97" s="242"/>
      <c r="H97" s="199" t="s">
        <v>71</v>
      </c>
      <c r="I97" s="201" t="s">
        <v>406</v>
      </c>
      <c r="J97" s="20"/>
      <c r="K97" s="36"/>
      <c r="L97" s="37"/>
      <c r="M97" s="52"/>
      <c r="N97" s="44"/>
      <c r="O97" s="79"/>
      <c r="P97" s="238"/>
      <c r="Q97" s="236"/>
      <c r="R97" s="40"/>
      <c r="S97" s="60">
        <v>41244</v>
      </c>
      <c r="U97" s="78"/>
    </row>
    <row r="98" spans="1:23" ht="18.75" customHeight="1" x14ac:dyDescent="0.2">
      <c r="A98" s="232"/>
      <c r="B98" s="233">
        <v>47</v>
      </c>
      <c r="C98" s="256" t="s">
        <v>26</v>
      </c>
      <c r="D98" s="247" t="s">
        <v>701</v>
      </c>
      <c r="E98" s="248"/>
      <c r="F98" s="16" t="s">
        <v>408</v>
      </c>
      <c r="G98" s="18"/>
      <c r="H98" s="100" t="s">
        <v>72</v>
      </c>
      <c r="I98" s="202" t="s">
        <v>410</v>
      </c>
      <c r="J98" s="80" t="s">
        <v>702</v>
      </c>
      <c r="K98" s="215">
        <v>22</v>
      </c>
      <c r="L98" s="130">
        <v>22</v>
      </c>
      <c r="M98" s="89" t="s">
        <v>4</v>
      </c>
      <c r="N98" s="48" t="s">
        <v>4</v>
      </c>
      <c r="O98" s="45" t="s">
        <v>412</v>
      </c>
      <c r="P98" s="237"/>
      <c r="Q98" s="235" t="s">
        <v>413</v>
      </c>
      <c r="R98" s="65" t="s">
        <v>414</v>
      </c>
      <c r="S98" s="152">
        <v>41202</v>
      </c>
      <c r="U98" s="78"/>
    </row>
    <row r="99" spans="1:23" ht="18.75" customHeight="1" x14ac:dyDescent="0.2">
      <c r="A99" s="232"/>
      <c r="B99" s="234"/>
      <c r="C99" s="256"/>
      <c r="D99" s="56"/>
      <c r="E99" s="26" t="s">
        <v>23</v>
      </c>
      <c r="F99" s="241" t="s">
        <v>409</v>
      </c>
      <c r="G99" s="242"/>
      <c r="H99" s="199" t="s">
        <v>71</v>
      </c>
      <c r="I99" s="201" t="s">
        <v>411</v>
      </c>
      <c r="J99" s="20"/>
      <c r="K99" s="216"/>
      <c r="L99" s="131"/>
      <c r="M99" s="52"/>
      <c r="N99" s="44"/>
      <c r="O99" s="79">
        <v>130000</v>
      </c>
      <c r="P99" s="238"/>
      <c r="Q99" s="236"/>
      <c r="R99" s="40" t="s">
        <v>415</v>
      </c>
      <c r="S99" s="60">
        <v>41202</v>
      </c>
      <c r="U99" s="78"/>
    </row>
    <row r="100" spans="1:23" ht="18.75" customHeight="1" x14ac:dyDescent="0.2">
      <c r="A100" s="232"/>
      <c r="B100" s="233">
        <v>48</v>
      </c>
      <c r="C100" s="256"/>
      <c r="D100" s="245" t="s">
        <v>418</v>
      </c>
      <c r="E100" s="246"/>
      <c r="F100" s="16" t="s">
        <v>420</v>
      </c>
      <c r="G100" s="18"/>
      <c r="H100" s="100" t="s">
        <v>72</v>
      </c>
      <c r="I100" s="202" t="s">
        <v>504</v>
      </c>
      <c r="J100" s="80" t="s">
        <v>709</v>
      </c>
      <c r="K100" s="34">
        <v>25</v>
      </c>
      <c r="L100" s="35">
        <v>25</v>
      </c>
      <c r="M100" s="89" t="s">
        <v>4</v>
      </c>
      <c r="N100" s="48" t="s">
        <v>4</v>
      </c>
      <c r="O100" s="45">
        <v>92000</v>
      </c>
      <c r="P100" s="237"/>
      <c r="Q100" s="277" t="s">
        <v>423</v>
      </c>
      <c r="R100" s="65" t="s">
        <v>421</v>
      </c>
      <c r="S100" s="152">
        <v>43374</v>
      </c>
      <c r="U100" s="78"/>
    </row>
    <row r="101" spans="1:23" ht="18.75" customHeight="1" x14ac:dyDescent="0.2">
      <c r="A101" s="232"/>
      <c r="B101" s="234"/>
      <c r="C101" s="256"/>
      <c r="D101" s="56"/>
      <c r="E101" s="26" t="s">
        <v>23</v>
      </c>
      <c r="F101" s="241" t="s">
        <v>419</v>
      </c>
      <c r="G101" s="242"/>
      <c r="H101" s="199" t="s">
        <v>71</v>
      </c>
      <c r="I101" s="201" t="s">
        <v>505</v>
      </c>
      <c r="J101" s="20"/>
      <c r="K101" s="36"/>
      <c r="L101" s="37"/>
      <c r="M101" s="52"/>
      <c r="N101" s="44"/>
      <c r="O101" s="79"/>
      <c r="P101" s="238"/>
      <c r="Q101" s="278"/>
      <c r="R101" s="40" t="s">
        <v>422</v>
      </c>
      <c r="S101" s="60">
        <v>43374</v>
      </c>
      <c r="U101" s="78"/>
    </row>
    <row r="102" spans="1:23" ht="18.75" customHeight="1" x14ac:dyDescent="0.2">
      <c r="A102" s="232"/>
      <c r="B102" s="233">
        <v>49</v>
      </c>
      <c r="C102" s="256"/>
      <c r="D102" s="245" t="s">
        <v>431</v>
      </c>
      <c r="E102" s="246"/>
      <c r="F102" s="16" t="s">
        <v>432</v>
      </c>
      <c r="G102" s="18"/>
      <c r="H102" s="100" t="s">
        <v>72</v>
      </c>
      <c r="I102" s="202" t="s">
        <v>435</v>
      </c>
      <c r="J102" s="80" t="s">
        <v>731</v>
      </c>
      <c r="K102" s="34">
        <v>30</v>
      </c>
      <c r="L102" s="35">
        <v>30</v>
      </c>
      <c r="M102" s="89" t="s">
        <v>583</v>
      </c>
      <c r="N102" s="48" t="s">
        <v>213</v>
      </c>
      <c r="O102" s="45" t="s">
        <v>584</v>
      </c>
      <c r="P102" s="237"/>
      <c r="Q102" s="235" t="s">
        <v>92</v>
      </c>
      <c r="R102" s="65" t="s">
        <v>434</v>
      </c>
      <c r="S102" s="152">
        <v>41456</v>
      </c>
      <c r="U102" s="78"/>
    </row>
    <row r="103" spans="1:23" ht="18.75" customHeight="1" x14ac:dyDescent="0.2">
      <c r="A103" s="232"/>
      <c r="B103" s="234"/>
      <c r="C103" s="256"/>
      <c r="D103" s="56"/>
      <c r="E103" s="26" t="s">
        <v>23</v>
      </c>
      <c r="F103" s="241" t="s">
        <v>582</v>
      </c>
      <c r="G103" s="242"/>
      <c r="H103" s="199" t="s">
        <v>71</v>
      </c>
      <c r="I103" s="201" t="s">
        <v>436</v>
      </c>
      <c r="J103" s="20"/>
      <c r="K103" s="36"/>
      <c r="L103" s="37"/>
      <c r="M103" s="52"/>
      <c r="N103" s="44"/>
      <c r="O103" s="79">
        <v>111400</v>
      </c>
      <c r="P103" s="238"/>
      <c r="Q103" s="236"/>
      <c r="R103" s="40"/>
      <c r="S103" s="156">
        <v>41456</v>
      </c>
      <c r="U103" s="78"/>
    </row>
    <row r="104" spans="1:23" ht="18.75" customHeight="1" x14ac:dyDescent="0.2">
      <c r="A104" s="232"/>
      <c r="B104" s="233">
        <v>50</v>
      </c>
      <c r="C104" s="256"/>
      <c r="D104" s="329" t="s">
        <v>517</v>
      </c>
      <c r="E104" s="330"/>
      <c r="F104" s="30" t="s">
        <v>199</v>
      </c>
      <c r="G104" s="18"/>
      <c r="H104" s="100" t="s">
        <v>72</v>
      </c>
      <c r="I104" s="202" t="s">
        <v>138</v>
      </c>
      <c r="J104" s="180" t="s">
        <v>727</v>
      </c>
      <c r="K104" s="34">
        <v>19</v>
      </c>
      <c r="L104" s="35">
        <v>19</v>
      </c>
      <c r="M104" s="41" t="s">
        <v>511</v>
      </c>
      <c r="N104" s="48" t="s">
        <v>213</v>
      </c>
      <c r="O104" s="149">
        <v>89600</v>
      </c>
      <c r="P104" s="237"/>
      <c r="Q104" s="235" t="s">
        <v>92</v>
      </c>
      <c r="R104" s="42" t="s">
        <v>512</v>
      </c>
      <c r="S104" s="152">
        <v>42979</v>
      </c>
      <c r="T104" s="2"/>
      <c r="U104" s="80"/>
      <c r="W104" t="s">
        <v>626</v>
      </c>
    </row>
    <row r="105" spans="1:23" ht="18.75" customHeight="1" x14ac:dyDescent="0.2">
      <c r="A105" s="232"/>
      <c r="B105" s="234"/>
      <c r="C105" s="256"/>
      <c r="D105" s="56"/>
      <c r="E105" s="26" t="s">
        <v>23</v>
      </c>
      <c r="F105" s="241" t="s">
        <v>508</v>
      </c>
      <c r="G105" s="242"/>
      <c r="H105" s="199" t="s">
        <v>71</v>
      </c>
      <c r="I105" s="219" t="s">
        <v>509</v>
      </c>
      <c r="J105" s="97"/>
      <c r="K105" s="36"/>
      <c r="L105" s="37"/>
      <c r="M105" s="117"/>
      <c r="N105" s="92"/>
      <c r="O105" s="43"/>
      <c r="P105" s="238"/>
      <c r="Q105" s="236"/>
      <c r="R105" s="44"/>
      <c r="S105" s="60">
        <v>42979</v>
      </c>
      <c r="T105" s="2"/>
      <c r="U105" s="80"/>
    </row>
    <row r="106" spans="1:23" ht="18.75" customHeight="1" x14ac:dyDescent="0.2">
      <c r="A106" s="232"/>
      <c r="B106" s="233">
        <v>51</v>
      </c>
      <c r="C106" s="256"/>
      <c r="D106" s="249" t="s">
        <v>609</v>
      </c>
      <c r="E106" s="250"/>
      <c r="F106" s="16" t="s">
        <v>610</v>
      </c>
      <c r="G106" s="18"/>
      <c r="H106" s="100" t="s">
        <v>611</v>
      </c>
      <c r="I106" s="202" t="s">
        <v>612</v>
      </c>
      <c r="J106" s="96" t="s">
        <v>732</v>
      </c>
      <c r="K106" s="34">
        <v>24</v>
      </c>
      <c r="L106" s="35">
        <v>24</v>
      </c>
      <c r="M106" s="41" t="s">
        <v>4</v>
      </c>
      <c r="N106" s="48" t="s">
        <v>4</v>
      </c>
      <c r="O106" s="149" t="s">
        <v>613</v>
      </c>
      <c r="P106" s="237"/>
      <c r="Q106" s="235" t="s">
        <v>92</v>
      </c>
      <c r="R106" s="42" t="s">
        <v>614</v>
      </c>
      <c r="S106" s="152">
        <v>42826</v>
      </c>
      <c r="T106" s="2"/>
      <c r="U106" s="80"/>
    </row>
    <row r="107" spans="1:23" ht="18.75" customHeight="1" x14ac:dyDescent="0.2">
      <c r="A107" s="232"/>
      <c r="B107" s="234"/>
      <c r="C107" s="256"/>
      <c r="D107" s="56"/>
      <c r="E107" s="26" t="s">
        <v>23</v>
      </c>
      <c r="F107" s="241" t="s">
        <v>615</v>
      </c>
      <c r="G107" s="242"/>
      <c r="H107" s="199" t="s">
        <v>616</v>
      </c>
      <c r="I107" s="219" t="s">
        <v>694</v>
      </c>
      <c r="J107" s="97"/>
      <c r="K107" s="36"/>
      <c r="L107" s="37"/>
      <c r="M107" s="117"/>
      <c r="N107" s="92"/>
      <c r="O107" s="43">
        <v>172000</v>
      </c>
      <c r="P107" s="238"/>
      <c r="Q107" s="236"/>
      <c r="R107" s="44"/>
      <c r="S107" s="60">
        <v>42826</v>
      </c>
      <c r="T107" s="2"/>
      <c r="U107" s="80"/>
    </row>
    <row r="108" spans="1:23" ht="18.75" customHeight="1" x14ac:dyDescent="0.2">
      <c r="A108" s="232"/>
      <c r="B108" s="233">
        <v>52</v>
      </c>
      <c r="C108" s="256"/>
      <c r="D108" s="239" t="s">
        <v>621</v>
      </c>
      <c r="E108" s="240"/>
      <c r="F108" s="110" t="s">
        <v>623</v>
      </c>
      <c r="G108" s="85"/>
      <c r="H108" s="100" t="s">
        <v>72</v>
      </c>
      <c r="I108" s="202" t="s">
        <v>695</v>
      </c>
      <c r="J108" s="111" t="s">
        <v>733</v>
      </c>
      <c r="K108" s="164">
        <v>20</v>
      </c>
      <c r="L108" s="175">
        <v>20</v>
      </c>
      <c r="M108" s="73" t="s">
        <v>4</v>
      </c>
      <c r="N108" s="93" t="s">
        <v>4</v>
      </c>
      <c r="O108" s="47">
        <v>84480</v>
      </c>
      <c r="P108" s="237"/>
      <c r="Q108" s="235" t="s">
        <v>413</v>
      </c>
      <c r="R108" s="46" t="s">
        <v>624</v>
      </c>
      <c r="S108" s="152">
        <v>42948</v>
      </c>
      <c r="T108" s="2"/>
      <c r="U108" s="80"/>
    </row>
    <row r="109" spans="1:23" ht="18.75" customHeight="1" x14ac:dyDescent="0.2">
      <c r="A109" s="232"/>
      <c r="B109" s="234"/>
      <c r="C109" s="256"/>
      <c r="D109" s="56"/>
      <c r="E109" s="26" t="s">
        <v>23</v>
      </c>
      <c r="F109" s="241" t="s">
        <v>622</v>
      </c>
      <c r="G109" s="242"/>
      <c r="H109" s="199" t="s">
        <v>71</v>
      </c>
      <c r="I109" s="219" t="s">
        <v>696</v>
      </c>
      <c r="J109" s="111"/>
      <c r="K109" s="68"/>
      <c r="L109" s="69"/>
      <c r="M109" s="73"/>
      <c r="N109" s="93"/>
      <c r="O109" s="47"/>
      <c r="P109" s="238"/>
      <c r="Q109" s="244"/>
      <c r="R109" s="46"/>
      <c r="S109" s="60">
        <v>42948</v>
      </c>
      <c r="T109" s="2"/>
      <c r="U109" s="80"/>
    </row>
    <row r="110" spans="1:23" ht="18.75" customHeight="1" x14ac:dyDescent="0.2">
      <c r="A110" s="232"/>
      <c r="B110" s="233">
        <v>53</v>
      </c>
      <c r="C110" s="256"/>
      <c r="D110" s="239" t="s">
        <v>685</v>
      </c>
      <c r="E110" s="240"/>
      <c r="F110" s="110" t="s">
        <v>686</v>
      </c>
      <c r="G110" s="85"/>
      <c r="H110" s="100" t="s">
        <v>72</v>
      </c>
      <c r="I110" s="202" t="s">
        <v>688</v>
      </c>
      <c r="J110" s="94" t="s">
        <v>690</v>
      </c>
      <c r="K110" s="170">
        <v>25</v>
      </c>
      <c r="L110" s="171">
        <v>25</v>
      </c>
      <c r="M110" s="193" t="s">
        <v>4</v>
      </c>
      <c r="N110" s="194" t="s">
        <v>691</v>
      </c>
      <c r="O110" s="172" t="s">
        <v>692</v>
      </c>
      <c r="P110" s="237"/>
      <c r="Q110" s="235" t="s">
        <v>374</v>
      </c>
      <c r="R110" s="42" t="s">
        <v>693</v>
      </c>
      <c r="S110" s="49">
        <v>43546</v>
      </c>
      <c r="T110" s="2"/>
      <c r="U110" s="80"/>
    </row>
    <row r="111" spans="1:23" ht="18.75" customHeight="1" x14ac:dyDescent="0.2">
      <c r="A111" s="232"/>
      <c r="B111" s="234"/>
      <c r="C111" s="256"/>
      <c r="D111" s="56"/>
      <c r="E111" s="26" t="s">
        <v>23</v>
      </c>
      <c r="F111" s="241" t="s">
        <v>687</v>
      </c>
      <c r="G111" s="242"/>
      <c r="H111" s="199" t="s">
        <v>71</v>
      </c>
      <c r="I111" s="219" t="s">
        <v>689</v>
      </c>
      <c r="J111" s="97"/>
      <c r="K111" s="36"/>
      <c r="L111" s="37"/>
      <c r="M111" s="117"/>
      <c r="N111" s="92"/>
      <c r="O111" s="43"/>
      <c r="P111" s="238"/>
      <c r="Q111" s="236"/>
      <c r="R111" s="44"/>
      <c r="S111" s="156">
        <v>43546</v>
      </c>
      <c r="T111" s="2"/>
      <c r="U111" s="80"/>
    </row>
    <row r="112" spans="1:23" ht="18.75" customHeight="1" x14ac:dyDescent="0.2">
      <c r="A112" s="232"/>
      <c r="B112" s="233">
        <v>54</v>
      </c>
      <c r="C112" s="256"/>
      <c r="D112" s="245" t="s">
        <v>431</v>
      </c>
      <c r="E112" s="246"/>
      <c r="F112" s="16" t="s">
        <v>432</v>
      </c>
      <c r="G112" s="18"/>
      <c r="H112" s="100" t="s">
        <v>72</v>
      </c>
      <c r="I112" s="202" t="s">
        <v>435</v>
      </c>
      <c r="J112" s="80" t="s">
        <v>731</v>
      </c>
      <c r="K112" s="34">
        <v>30</v>
      </c>
      <c r="L112" s="35">
        <v>30</v>
      </c>
      <c r="M112" s="89" t="s">
        <v>583</v>
      </c>
      <c r="N112" s="48" t="s">
        <v>213</v>
      </c>
      <c r="O112" s="45" t="s">
        <v>584</v>
      </c>
      <c r="P112" s="237"/>
      <c r="Q112" s="235" t="s">
        <v>92</v>
      </c>
      <c r="R112" s="65" t="s">
        <v>434</v>
      </c>
      <c r="S112" s="152">
        <v>41456</v>
      </c>
      <c r="U112" s="78"/>
    </row>
    <row r="113" spans="1:21" ht="18.75" customHeight="1" x14ac:dyDescent="0.2">
      <c r="A113" s="232"/>
      <c r="B113" s="234"/>
      <c r="C113" s="257"/>
      <c r="D113" s="56"/>
      <c r="E113" s="26" t="s">
        <v>23</v>
      </c>
      <c r="F113" s="241" t="s">
        <v>582</v>
      </c>
      <c r="G113" s="242"/>
      <c r="H113" s="199" t="s">
        <v>71</v>
      </c>
      <c r="I113" s="201" t="s">
        <v>436</v>
      </c>
      <c r="J113" s="20"/>
      <c r="K113" s="36"/>
      <c r="L113" s="37"/>
      <c r="M113" s="52"/>
      <c r="N113" s="44"/>
      <c r="O113" s="79">
        <v>111400</v>
      </c>
      <c r="P113" s="238"/>
      <c r="Q113" s="236"/>
      <c r="R113" s="40"/>
      <c r="S113" s="156">
        <v>41456</v>
      </c>
      <c r="U113" s="78"/>
    </row>
    <row r="114" spans="1:21" ht="18.75" customHeight="1" x14ac:dyDescent="0.2">
      <c r="A114" s="232"/>
      <c r="B114" s="233">
        <v>55</v>
      </c>
      <c r="C114" s="305" t="s">
        <v>232</v>
      </c>
      <c r="D114" s="247" t="s">
        <v>229</v>
      </c>
      <c r="E114" s="260"/>
      <c r="F114" s="138" t="s">
        <v>237</v>
      </c>
      <c r="G114" s="21"/>
      <c r="H114" s="100" t="s">
        <v>183</v>
      </c>
      <c r="I114" s="202" t="s">
        <v>510</v>
      </c>
      <c r="J114" s="80" t="s">
        <v>718</v>
      </c>
      <c r="K114" s="34">
        <v>13</v>
      </c>
      <c r="L114" s="35">
        <v>13</v>
      </c>
      <c r="M114" s="54" t="s">
        <v>213</v>
      </c>
      <c r="N114" s="48" t="s">
        <v>213</v>
      </c>
      <c r="O114" s="55">
        <v>105900</v>
      </c>
      <c r="P114" s="237"/>
      <c r="Q114" s="235" t="s">
        <v>92</v>
      </c>
      <c r="R114" s="42" t="s">
        <v>231</v>
      </c>
      <c r="S114" s="152">
        <v>39873</v>
      </c>
      <c r="U114" s="261" t="s">
        <v>55</v>
      </c>
    </row>
    <row r="115" spans="1:21" ht="18.75" customHeight="1" x14ac:dyDescent="0.2">
      <c r="A115" s="232"/>
      <c r="B115" s="234"/>
      <c r="C115" s="321"/>
      <c r="D115" s="56"/>
      <c r="E115" s="26" t="s">
        <v>23</v>
      </c>
      <c r="F115" s="251" t="s">
        <v>236</v>
      </c>
      <c r="G115" s="272"/>
      <c r="H115" s="199" t="s">
        <v>94</v>
      </c>
      <c r="I115" s="204" t="s">
        <v>230</v>
      </c>
      <c r="J115" s="20"/>
      <c r="K115" s="36"/>
      <c r="L115" s="37"/>
      <c r="M115" s="52"/>
      <c r="N115" s="44"/>
      <c r="O115" s="72"/>
      <c r="P115" s="243"/>
      <c r="Q115" s="253"/>
      <c r="R115" s="44"/>
      <c r="S115" s="60">
        <v>39873</v>
      </c>
      <c r="U115" s="262"/>
    </row>
    <row r="116" spans="1:21" ht="18.75" customHeight="1" x14ac:dyDescent="0.2">
      <c r="A116" s="232"/>
      <c r="B116" s="233">
        <v>56</v>
      </c>
      <c r="C116" s="321"/>
      <c r="D116" s="245" t="s">
        <v>243</v>
      </c>
      <c r="E116" s="271"/>
      <c r="F116" s="121" t="s">
        <v>244</v>
      </c>
      <c r="G116" s="21"/>
      <c r="H116" s="100" t="s">
        <v>186</v>
      </c>
      <c r="I116" s="202" t="s">
        <v>246</v>
      </c>
      <c r="J116" s="80" t="s">
        <v>734</v>
      </c>
      <c r="K116" s="34">
        <v>7</v>
      </c>
      <c r="L116" s="35">
        <v>7</v>
      </c>
      <c r="M116" s="54" t="s">
        <v>213</v>
      </c>
      <c r="N116" s="48" t="s">
        <v>11</v>
      </c>
      <c r="O116" s="55" t="s">
        <v>585</v>
      </c>
      <c r="P116" s="237"/>
      <c r="Q116" s="235" t="s">
        <v>92</v>
      </c>
      <c r="R116" s="42" t="s">
        <v>248</v>
      </c>
      <c r="S116" s="152">
        <v>39936</v>
      </c>
      <c r="U116" s="77"/>
    </row>
    <row r="117" spans="1:21" ht="18.75" customHeight="1" x14ac:dyDescent="0.2">
      <c r="A117" s="232"/>
      <c r="B117" s="234"/>
      <c r="C117" s="321"/>
      <c r="D117" s="56"/>
      <c r="E117" s="26" t="s">
        <v>23</v>
      </c>
      <c r="F117" s="251" t="s">
        <v>245</v>
      </c>
      <c r="G117" s="272"/>
      <c r="H117" s="199" t="s">
        <v>188</v>
      </c>
      <c r="I117" s="204" t="s">
        <v>247</v>
      </c>
      <c r="J117" s="20"/>
      <c r="K117" s="36"/>
      <c r="L117" s="37"/>
      <c r="M117" s="52"/>
      <c r="N117" s="44"/>
      <c r="O117" s="43">
        <v>147000</v>
      </c>
      <c r="P117" s="243"/>
      <c r="Q117" s="253"/>
      <c r="R117" s="44" t="s">
        <v>249</v>
      </c>
      <c r="S117" s="60">
        <v>39936</v>
      </c>
      <c r="U117" s="77"/>
    </row>
    <row r="118" spans="1:21" ht="18.75" customHeight="1" x14ac:dyDescent="0.2">
      <c r="A118" s="232"/>
      <c r="B118" s="233">
        <v>57</v>
      </c>
      <c r="C118" s="321"/>
      <c r="D118" s="245" t="s">
        <v>287</v>
      </c>
      <c r="E118" s="271"/>
      <c r="F118" s="121" t="s">
        <v>474</v>
      </c>
      <c r="G118" s="21"/>
      <c r="H118" s="100" t="s">
        <v>186</v>
      </c>
      <c r="I118" s="202" t="s">
        <v>288</v>
      </c>
      <c r="J118" s="80" t="s">
        <v>290</v>
      </c>
      <c r="K118" s="34">
        <v>3</v>
      </c>
      <c r="L118" s="35">
        <v>3</v>
      </c>
      <c r="M118" s="54" t="s">
        <v>4</v>
      </c>
      <c r="N118" s="48" t="s">
        <v>4</v>
      </c>
      <c r="O118" s="64" t="s">
        <v>586</v>
      </c>
      <c r="P118" s="237"/>
      <c r="Q118" s="235" t="s">
        <v>92</v>
      </c>
      <c r="R118" s="46" t="s">
        <v>291</v>
      </c>
      <c r="S118" s="152">
        <v>40269</v>
      </c>
      <c r="U118" s="77"/>
    </row>
    <row r="119" spans="1:21" ht="18.75" customHeight="1" x14ac:dyDescent="0.2">
      <c r="A119" s="232"/>
      <c r="B119" s="234"/>
      <c r="C119" s="321"/>
      <c r="D119" s="56"/>
      <c r="E119" s="26" t="s">
        <v>23</v>
      </c>
      <c r="F119" s="251" t="s">
        <v>342</v>
      </c>
      <c r="G119" s="272"/>
      <c r="H119" s="199" t="s">
        <v>188</v>
      </c>
      <c r="I119" s="204" t="s">
        <v>289</v>
      </c>
      <c r="J119" s="20"/>
      <c r="K119" s="36"/>
      <c r="L119" s="37"/>
      <c r="M119" s="52"/>
      <c r="N119" s="44"/>
      <c r="O119" s="125" t="s">
        <v>599</v>
      </c>
      <c r="P119" s="243"/>
      <c r="Q119" s="253"/>
      <c r="R119" s="44"/>
      <c r="S119" s="156">
        <v>40269</v>
      </c>
      <c r="U119" s="77"/>
    </row>
    <row r="120" spans="1:21" ht="18.75" customHeight="1" x14ac:dyDescent="0.2">
      <c r="A120" s="232"/>
      <c r="B120" s="233">
        <v>58</v>
      </c>
      <c r="C120" s="321"/>
      <c r="D120" s="247" t="s">
        <v>389</v>
      </c>
      <c r="E120" s="260"/>
      <c r="F120" s="121" t="s">
        <v>391</v>
      </c>
      <c r="G120" s="21"/>
      <c r="H120" s="100" t="s">
        <v>72</v>
      </c>
      <c r="I120" s="202" t="s">
        <v>392</v>
      </c>
      <c r="J120" s="80" t="s">
        <v>394</v>
      </c>
      <c r="K120" s="34">
        <v>18</v>
      </c>
      <c r="L120" s="206">
        <v>18</v>
      </c>
      <c r="M120" s="54" t="s">
        <v>4</v>
      </c>
      <c r="N120" s="48" t="s">
        <v>31</v>
      </c>
      <c r="O120" s="64" t="s">
        <v>572</v>
      </c>
      <c r="P120" s="237"/>
      <c r="Q120" s="235" t="s">
        <v>92</v>
      </c>
      <c r="R120" s="46" t="s">
        <v>395</v>
      </c>
      <c r="S120" s="152">
        <v>41214</v>
      </c>
      <c r="U120" s="77"/>
    </row>
    <row r="121" spans="1:21" ht="18.75" customHeight="1" x14ac:dyDescent="0.2">
      <c r="A121" s="232"/>
      <c r="B121" s="234"/>
      <c r="C121" s="321"/>
      <c r="D121" s="205" t="s">
        <v>10</v>
      </c>
      <c r="E121" s="62"/>
      <c r="F121" s="251" t="s">
        <v>390</v>
      </c>
      <c r="G121" s="272"/>
      <c r="H121" s="199" t="s">
        <v>71</v>
      </c>
      <c r="I121" s="204" t="s">
        <v>393</v>
      </c>
      <c r="J121" s="20"/>
      <c r="K121" s="36"/>
      <c r="L121" s="207"/>
      <c r="M121" s="52"/>
      <c r="N121" s="44"/>
      <c r="O121" s="125" t="s">
        <v>564</v>
      </c>
      <c r="P121" s="243"/>
      <c r="Q121" s="253"/>
      <c r="R121" s="44"/>
      <c r="S121" s="60">
        <v>41214</v>
      </c>
      <c r="U121" s="77"/>
    </row>
    <row r="122" spans="1:21" ht="18.75" customHeight="1" x14ac:dyDescent="0.2">
      <c r="A122" s="232"/>
      <c r="B122" s="233">
        <v>59</v>
      </c>
      <c r="C122" s="321"/>
      <c r="D122" s="245" t="s">
        <v>424</v>
      </c>
      <c r="E122" s="271"/>
      <c r="F122" s="121" t="s">
        <v>425</v>
      </c>
      <c r="G122" s="21"/>
      <c r="H122" s="100" t="s">
        <v>72</v>
      </c>
      <c r="I122" s="202" t="s">
        <v>427</v>
      </c>
      <c r="J122" s="80" t="s">
        <v>426</v>
      </c>
      <c r="K122" s="34">
        <v>7</v>
      </c>
      <c r="L122" s="35">
        <v>7</v>
      </c>
      <c r="M122" s="54" t="s">
        <v>4</v>
      </c>
      <c r="N122" s="48" t="s">
        <v>429</v>
      </c>
      <c r="O122" s="64">
        <v>96710</v>
      </c>
      <c r="P122" s="237"/>
      <c r="Q122" s="235" t="s">
        <v>92</v>
      </c>
      <c r="R122" s="46" t="s">
        <v>430</v>
      </c>
      <c r="S122" s="152">
        <v>41426</v>
      </c>
      <c r="U122" s="77"/>
    </row>
    <row r="123" spans="1:21" ht="18.75" customHeight="1" x14ac:dyDescent="0.2">
      <c r="A123" s="232"/>
      <c r="B123" s="234"/>
      <c r="C123" s="321"/>
      <c r="D123" s="56"/>
      <c r="E123" s="26" t="s">
        <v>23</v>
      </c>
      <c r="F123" s="251" t="s">
        <v>507</v>
      </c>
      <c r="G123" s="272"/>
      <c r="H123" s="199" t="s">
        <v>71</v>
      </c>
      <c r="I123" s="220" t="s">
        <v>428</v>
      </c>
      <c r="J123" s="20"/>
      <c r="K123" s="36"/>
      <c r="L123" s="37"/>
      <c r="M123" s="52"/>
      <c r="N123" s="44"/>
      <c r="O123" s="125"/>
      <c r="P123" s="243"/>
      <c r="Q123" s="253"/>
      <c r="R123" s="44"/>
      <c r="S123" s="156">
        <v>41426</v>
      </c>
      <c r="U123" s="77"/>
    </row>
    <row r="124" spans="1:21" ht="18.75" customHeight="1" x14ac:dyDescent="0.2">
      <c r="A124" s="232"/>
      <c r="B124" s="233">
        <v>60</v>
      </c>
      <c r="C124" s="321"/>
      <c r="D124" s="247" t="s">
        <v>657</v>
      </c>
      <c r="E124" s="260"/>
      <c r="F124" s="121" t="s">
        <v>520</v>
      </c>
      <c r="G124" s="21"/>
      <c r="H124" s="100" t="s">
        <v>72</v>
      </c>
      <c r="I124" s="202" t="s">
        <v>522</v>
      </c>
      <c r="J124" s="80" t="s">
        <v>635</v>
      </c>
      <c r="K124" s="34">
        <v>21</v>
      </c>
      <c r="L124" s="35">
        <v>22</v>
      </c>
      <c r="M124" s="54" t="s">
        <v>4</v>
      </c>
      <c r="N124" s="48" t="s">
        <v>433</v>
      </c>
      <c r="O124" s="64">
        <v>98000</v>
      </c>
      <c r="P124" s="237"/>
      <c r="Q124" s="235" t="s">
        <v>136</v>
      </c>
      <c r="R124" s="265" t="s">
        <v>524</v>
      </c>
      <c r="S124" s="152">
        <v>43070</v>
      </c>
      <c r="U124" s="77"/>
    </row>
    <row r="125" spans="1:21" ht="18.75" customHeight="1" x14ac:dyDescent="0.2">
      <c r="A125" s="232"/>
      <c r="B125" s="234"/>
      <c r="C125" s="321"/>
      <c r="D125" s="56"/>
      <c r="E125" s="26" t="s">
        <v>23</v>
      </c>
      <c r="F125" s="251" t="s">
        <v>521</v>
      </c>
      <c r="G125" s="272"/>
      <c r="H125" s="199" t="s">
        <v>71</v>
      </c>
      <c r="I125" s="220" t="s">
        <v>523</v>
      </c>
      <c r="J125" s="20"/>
      <c r="K125" s="36"/>
      <c r="L125" s="37"/>
      <c r="M125" s="52"/>
      <c r="N125" s="44"/>
      <c r="O125" s="125"/>
      <c r="P125" s="243"/>
      <c r="Q125" s="253"/>
      <c r="R125" s="266"/>
      <c r="S125" s="156">
        <v>43070</v>
      </c>
      <c r="U125" s="77"/>
    </row>
    <row r="126" spans="1:21" ht="18.75" customHeight="1" x14ac:dyDescent="0.2">
      <c r="A126" s="232"/>
      <c r="B126" s="233">
        <v>61</v>
      </c>
      <c r="C126" s="321"/>
      <c r="D126" s="281" t="s">
        <v>659</v>
      </c>
      <c r="E126" s="282"/>
      <c r="F126" s="110" t="s">
        <v>673</v>
      </c>
      <c r="G126" s="188"/>
      <c r="H126" s="100" t="s">
        <v>72</v>
      </c>
      <c r="I126" s="202" t="s">
        <v>674</v>
      </c>
      <c r="J126" s="80" t="s">
        <v>290</v>
      </c>
      <c r="K126" s="112">
        <v>3</v>
      </c>
      <c r="L126" s="189">
        <v>3</v>
      </c>
      <c r="M126" s="54" t="s">
        <v>4</v>
      </c>
      <c r="N126" s="48" t="s">
        <v>4</v>
      </c>
      <c r="O126" s="160" t="s">
        <v>661</v>
      </c>
      <c r="P126" s="237"/>
      <c r="Q126" s="235" t="s">
        <v>92</v>
      </c>
      <c r="R126" s="42" t="s">
        <v>660</v>
      </c>
      <c r="S126" s="152">
        <v>43282</v>
      </c>
      <c r="U126" s="77"/>
    </row>
    <row r="127" spans="1:21" ht="18.75" customHeight="1" x14ac:dyDescent="0.2">
      <c r="A127" s="232"/>
      <c r="B127" s="234"/>
      <c r="C127" s="306"/>
      <c r="D127" s="108"/>
      <c r="E127" s="26" t="s">
        <v>23</v>
      </c>
      <c r="F127" s="304" t="s">
        <v>662</v>
      </c>
      <c r="G127" s="296"/>
      <c r="H127" s="199" t="s">
        <v>71</v>
      </c>
      <c r="I127" s="219" t="s">
        <v>675</v>
      </c>
      <c r="J127" s="20"/>
      <c r="K127" s="36"/>
      <c r="L127" s="190"/>
      <c r="M127" s="52"/>
      <c r="N127" s="40"/>
      <c r="O127" s="72"/>
      <c r="P127" s="243"/>
      <c r="Q127" s="293"/>
      <c r="R127" s="44"/>
      <c r="S127" s="156">
        <v>43282</v>
      </c>
      <c r="U127" s="77"/>
    </row>
    <row r="128" spans="1:21" ht="18.75" customHeight="1" x14ac:dyDescent="0.2">
      <c r="A128" s="232"/>
      <c r="B128" s="233">
        <v>62</v>
      </c>
      <c r="C128" s="305" t="s">
        <v>214</v>
      </c>
      <c r="D128" s="226" t="s">
        <v>216</v>
      </c>
      <c r="E128" s="122"/>
      <c r="F128" s="121" t="s">
        <v>217</v>
      </c>
      <c r="G128" s="122"/>
      <c r="H128" s="139" t="s">
        <v>72</v>
      </c>
      <c r="I128" s="211" t="s">
        <v>219</v>
      </c>
      <c r="J128" s="78" t="s">
        <v>735</v>
      </c>
      <c r="K128" s="38">
        <v>46</v>
      </c>
      <c r="L128" s="39">
        <v>47</v>
      </c>
      <c r="M128" s="95" t="s">
        <v>4</v>
      </c>
      <c r="N128" s="267" t="s">
        <v>213</v>
      </c>
      <c r="O128" s="275" t="s">
        <v>587</v>
      </c>
      <c r="P128" s="263"/>
      <c r="Q128" s="235" t="s">
        <v>150</v>
      </c>
      <c r="R128" s="267" t="s">
        <v>373</v>
      </c>
      <c r="S128" s="155">
        <v>39753</v>
      </c>
      <c r="U128" s="77"/>
    </row>
    <row r="129" spans="1:21" ht="18.75" customHeight="1" x14ac:dyDescent="0.2">
      <c r="A129" s="232"/>
      <c r="B129" s="234"/>
      <c r="C129" s="321"/>
      <c r="D129" s="121"/>
      <c r="E129" s="26" t="s">
        <v>23</v>
      </c>
      <c r="F129" s="322" t="s">
        <v>218</v>
      </c>
      <c r="G129" s="323"/>
      <c r="H129" s="199" t="s">
        <v>71</v>
      </c>
      <c r="I129" s="203" t="s">
        <v>228</v>
      </c>
      <c r="J129" s="84"/>
      <c r="K129" s="83"/>
      <c r="L129" s="123"/>
      <c r="M129" s="119"/>
      <c r="N129" s="236"/>
      <c r="O129" s="276"/>
      <c r="P129" s="264"/>
      <c r="Q129" s="253"/>
      <c r="R129" s="236"/>
      <c r="S129" s="150">
        <v>39753</v>
      </c>
      <c r="U129" s="77"/>
    </row>
    <row r="130" spans="1:21" ht="18.75" customHeight="1" x14ac:dyDescent="0.2">
      <c r="A130" s="232"/>
      <c r="B130" s="233">
        <v>63</v>
      </c>
      <c r="C130" s="321"/>
      <c r="D130" s="245" t="s">
        <v>251</v>
      </c>
      <c r="E130" s="271"/>
      <c r="F130" s="121" t="s">
        <v>252</v>
      </c>
      <c r="G130" s="21"/>
      <c r="H130" s="100" t="s">
        <v>72</v>
      </c>
      <c r="I130" s="202" t="s">
        <v>254</v>
      </c>
      <c r="J130" s="80" t="s">
        <v>736</v>
      </c>
      <c r="K130" s="34">
        <v>9</v>
      </c>
      <c r="L130" s="35">
        <v>9</v>
      </c>
      <c r="M130" s="54" t="s">
        <v>588</v>
      </c>
      <c r="N130" s="48" t="s">
        <v>213</v>
      </c>
      <c r="O130" s="55" t="s">
        <v>256</v>
      </c>
      <c r="P130" s="237"/>
      <c r="Q130" s="235" t="s">
        <v>92</v>
      </c>
      <c r="R130" s="42" t="s">
        <v>257</v>
      </c>
      <c r="S130" s="49">
        <v>40066</v>
      </c>
      <c r="U130" s="80"/>
    </row>
    <row r="131" spans="1:21" ht="18.75" customHeight="1" x14ac:dyDescent="0.2">
      <c r="A131" s="232"/>
      <c r="B131" s="234"/>
      <c r="C131" s="306"/>
      <c r="D131" s="56"/>
      <c r="E131" s="26" t="s">
        <v>23</v>
      </c>
      <c r="F131" s="251" t="s">
        <v>253</v>
      </c>
      <c r="G131" s="272"/>
      <c r="H131" s="199" t="s">
        <v>71</v>
      </c>
      <c r="I131" s="204" t="s">
        <v>255</v>
      </c>
      <c r="J131" s="20"/>
      <c r="K131" s="36"/>
      <c r="L131" s="37"/>
      <c r="M131" s="52"/>
      <c r="N131" s="44"/>
      <c r="O131" s="43">
        <v>148000</v>
      </c>
      <c r="P131" s="243"/>
      <c r="Q131" s="253"/>
      <c r="R131" s="44" t="s">
        <v>258</v>
      </c>
      <c r="S131" s="156">
        <v>40066</v>
      </c>
      <c r="U131" s="80"/>
    </row>
    <row r="132" spans="1:21" ht="18.75" customHeight="1" x14ac:dyDescent="0.2">
      <c r="A132" s="232"/>
      <c r="B132" s="233">
        <v>64</v>
      </c>
      <c r="C132" s="255" t="s">
        <v>38</v>
      </c>
      <c r="D132" s="224" t="s">
        <v>744</v>
      </c>
      <c r="E132" s="61"/>
      <c r="F132" s="273" t="s">
        <v>200</v>
      </c>
      <c r="G132" s="274"/>
      <c r="H132" s="100" t="s">
        <v>139</v>
      </c>
      <c r="I132" s="202" t="s">
        <v>140</v>
      </c>
      <c r="J132" s="80" t="s">
        <v>743</v>
      </c>
      <c r="K132" s="34">
        <v>26</v>
      </c>
      <c r="L132" s="206">
        <v>50</v>
      </c>
      <c r="M132" s="87" t="s">
        <v>746</v>
      </c>
      <c r="N132" s="48" t="s">
        <v>4</v>
      </c>
      <c r="O132" s="45" t="s">
        <v>745</v>
      </c>
      <c r="P132" s="235" t="s">
        <v>83</v>
      </c>
      <c r="Q132" s="235" t="s">
        <v>78</v>
      </c>
      <c r="R132" s="42" t="s">
        <v>141</v>
      </c>
      <c r="S132" s="152">
        <v>37217</v>
      </c>
      <c r="U132" s="13" t="s">
        <v>40</v>
      </c>
    </row>
    <row r="133" spans="1:21" ht="18.75" customHeight="1" x14ac:dyDescent="0.2">
      <c r="A133" s="232"/>
      <c r="B133" s="234"/>
      <c r="C133" s="257"/>
      <c r="D133" s="205" t="s">
        <v>10</v>
      </c>
      <c r="E133" s="62"/>
      <c r="F133" s="251" t="s">
        <v>41</v>
      </c>
      <c r="G133" s="272"/>
      <c r="H133" s="199" t="s">
        <v>142</v>
      </c>
      <c r="I133" s="203" t="s">
        <v>143</v>
      </c>
      <c r="J133" s="99"/>
      <c r="K133" s="63"/>
      <c r="L133" s="207"/>
      <c r="M133" s="90" t="s">
        <v>39</v>
      </c>
      <c r="N133" s="40"/>
      <c r="O133" s="51">
        <v>215000</v>
      </c>
      <c r="P133" s="253"/>
      <c r="Q133" s="253"/>
      <c r="R133" s="44" t="s">
        <v>42</v>
      </c>
      <c r="S133" s="156">
        <v>38808</v>
      </c>
      <c r="U133" s="4"/>
    </row>
    <row r="134" spans="1:21" ht="18.75" customHeight="1" x14ac:dyDescent="0.2">
      <c r="A134" s="232"/>
      <c r="B134" s="233">
        <v>65</v>
      </c>
      <c r="C134" s="255" t="s">
        <v>43</v>
      </c>
      <c r="D134" s="225" t="s">
        <v>44</v>
      </c>
      <c r="E134" s="61"/>
      <c r="F134" s="16" t="s">
        <v>201</v>
      </c>
      <c r="G134" s="15"/>
      <c r="H134" s="100" t="s">
        <v>139</v>
      </c>
      <c r="I134" s="202" t="s">
        <v>144</v>
      </c>
      <c r="J134" s="13" t="s">
        <v>739</v>
      </c>
      <c r="K134" s="34">
        <v>30</v>
      </c>
      <c r="L134" s="206">
        <v>30</v>
      </c>
      <c r="M134" s="48" t="s">
        <v>4</v>
      </c>
      <c r="N134" s="48" t="s">
        <v>4</v>
      </c>
      <c r="O134" s="64">
        <v>155040</v>
      </c>
      <c r="P134" s="235" t="s">
        <v>83</v>
      </c>
      <c r="Q134" s="235" t="s">
        <v>78</v>
      </c>
      <c r="R134" s="42" t="s">
        <v>145</v>
      </c>
      <c r="S134" s="157">
        <v>38231</v>
      </c>
      <c r="T134" s="2"/>
      <c r="U134" s="13" t="s">
        <v>45</v>
      </c>
    </row>
    <row r="135" spans="1:21" ht="18.75" customHeight="1" x14ac:dyDescent="0.2">
      <c r="A135" s="232"/>
      <c r="B135" s="234"/>
      <c r="C135" s="256"/>
      <c r="D135" s="205" t="s">
        <v>10</v>
      </c>
      <c r="E135" s="66"/>
      <c r="F135" s="251" t="s">
        <v>589</v>
      </c>
      <c r="G135" s="272"/>
      <c r="H135" s="199" t="s">
        <v>142</v>
      </c>
      <c r="I135" s="203" t="s">
        <v>146</v>
      </c>
      <c r="J135" s="97"/>
      <c r="K135" s="63"/>
      <c r="L135" s="207"/>
      <c r="M135" s="90"/>
      <c r="N135" s="40"/>
      <c r="O135" s="51"/>
      <c r="P135" s="253"/>
      <c r="Q135" s="253"/>
      <c r="R135" s="44" t="s">
        <v>147</v>
      </c>
      <c r="S135" s="60">
        <v>38808</v>
      </c>
      <c r="U135" s="20"/>
    </row>
    <row r="136" spans="1:21" ht="18.75" customHeight="1" x14ac:dyDescent="0.2">
      <c r="A136" s="232"/>
      <c r="B136" s="233">
        <v>66</v>
      </c>
      <c r="C136" s="256" t="s">
        <v>43</v>
      </c>
      <c r="D136" s="245" t="s">
        <v>707</v>
      </c>
      <c r="E136" s="271"/>
      <c r="F136" s="16" t="s">
        <v>202</v>
      </c>
      <c r="G136" s="21"/>
      <c r="H136" s="100" t="s">
        <v>148</v>
      </c>
      <c r="I136" s="202" t="s">
        <v>149</v>
      </c>
      <c r="J136" s="96" t="s">
        <v>708</v>
      </c>
      <c r="K136" s="34">
        <v>55</v>
      </c>
      <c r="L136" s="35">
        <v>63</v>
      </c>
      <c r="M136" s="48" t="s">
        <v>4</v>
      </c>
      <c r="N136" s="48" t="s">
        <v>470</v>
      </c>
      <c r="O136" s="42" t="s">
        <v>590</v>
      </c>
      <c r="P136" s="235" t="s">
        <v>83</v>
      </c>
      <c r="Q136" s="235" t="s">
        <v>150</v>
      </c>
      <c r="R136" s="42" t="s">
        <v>151</v>
      </c>
      <c r="S136" s="152">
        <v>38445</v>
      </c>
      <c r="T136" s="6"/>
      <c r="U136" s="261" t="s">
        <v>46</v>
      </c>
    </row>
    <row r="137" spans="1:21" ht="18.75" customHeight="1" x14ac:dyDescent="0.2">
      <c r="A137" s="232"/>
      <c r="B137" s="234"/>
      <c r="C137" s="256"/>
      <c r="D137" s="56"/>
      <c r="E137" s="26" t="s">
        <v>23</v>
      </c>
      <c r="F137" s="251" t="s">
        <v>47</v>
      </c>
      <c r="G137" s="272"/>
      <c r="H137" s="199" t="s">
        <v>152</v>
      </c>
      <c r="I137" s="204" t="s">
        <v>153</v>
      </c>
      <c r="J137" s="20"/>
      <c r="K137" s="36"/>
      <c r="L137" s="37"/>
      <c r="M137" s="52"/>
      <c r="N137" s="44"/>
      <c r="O137" s="43">
        <v>183085</v>
      </c>
      <c r="P137" s="253"/>
      <c r="Q137" s="253"/>
      <c r="R137" s="44" t="s">
        <v>48</v>
      </c>
      <c r="S137" s="60">
        <v>38808</v>
      </c>
      <c r="U137" s="262"/>
    </row>
    <row r="138" spans="1:21" ht="18.75" customHeight="1" x14ac:dyDescent="0.2">
      <c r="A138" s="232"/>
      <c r="B138" s="233">
        <v>67</v>
      </c>
      <c r="C138" s="256"/>
      <c r="D138" s="245" t="s">
        <v>676</v>
      </c>
      <c r="E138" s="271"/>
      <c r="F138" s="16" t="s">
        <v>677</v>
      </c>
      <c r="G138" s="21"/>
      <c r="H138" s="100" t="s">
        <v>72</v>
      </c>
      <c r="I138" s="202" t="s">
        <v>679</v>
      </c>
      <c r="J138" s="96" t="s">
        <v>737</v>
      </c>
      <c r="K138" s="164">
        <v>94</v>
      </c>
      <c r="L138" s="69">
        <v>100</v>
      </c>
      <c r="M138" s="70" t="s">
        <v>4</v>
      </c>
      <c r="N138" s="46" t="s">
        <v>681</v>
      </c>
      <c r="O138" s="47" t="s">
        <v>684</v>
      </c>
      <c r="P138" s="237"/>
      <c r="Q138" s="235" t="s">
        <v>136</v>
      </c>
      <c r="R138" s="46" t="s">
        <v>682</v>
      </c>
      <c r="S138" s="60">
        <v>43399</v>
      </c>
      <c r="U138" s="78"/>
    </row>
    <row r="139" spans="1:21" ht="18.75" customHeight="1" x14ac:dyDescent="0.2">
      <c r="A139" s="232"/>
      <c r="B139" s="234"/>
      <c r="C139" s="256"/>
      <c r="D139" s="56"/>
      <c r="E139" s="26" t="s">
        <v>23</v>
      </c>
      <c r="F139" s="251" t="s">
        <v>678</v>
      </c>
      <c r="G139" s="272"/>
      <c r="H139" s="199" t="s">
        <v>71</v>
      </c>
      <c r="I139" s="204" t="s">
        <v>680</v>
      </c>
      <c r="J139" s="20"/>
      <c r="K139" s="68"/>
      <c r="L139" s="69"/>
      <c r="M139" s="70"/>
      <c r="N139" s="46"/>
      <c r="O139" s="47"/>
      <c r="P139" s="243"/>
      <c r="Q139" s="253"/>
      <c r="R139" s="46" t="s">
        <v>683</v>
      </c>
      <c r="S139" s="60">
        <v>43399</v>
      </c>
      <c r="U139" s="78"/>
    </row>
    <row r="140" spans="1:21" ht="18.75" customHeight="1" x14ac:dyDescent="0.2">
      <c r="A140" s="232"/>
      <c r="B140" s="233">
        <v>68</v>
      </c>
      <c r="C140" s="256"/>
      <c r="D140" s="245" t="s">
        <v>49</v>
      </c>
      <c r="E140" s="271"/>
      <c r="F140" s="16" t="s">
        <v>203</v>
      </c>
      <c r="G140" s="18"/>
      <c r="H140" s="100" t="s">
        <v>154</v>
      </c>
      <c r="I140" s="202" t="s">
        <v>155</v>
      </c>
      <c r="J140" s="80" t="s">
        <v>311</v>
      </c>
      <c r="K140" s="34">
        <v>12</v>
      </c>
      <c r="L140" s="35">
        <v>12</v>
      </c>
      <c r="M140" s="54" t="s">
        <v>4</v>
      </c>
      <c r="N140" s="48" t="s">
        <v>4</v>
      </c>
      <c r="O140" s="42" t="s">
        <v>591</v>
      </c>
      <c r="P140" s="237"/>
      <c r="Q140" s="235" t="s">
        <v>92</v>
      </c>
      <c r="R140" s="42" t="s">
        <v>156</v>
      </c>
      <c r="S140" s="152">
        <v>39022</v>
      </c>
      <c r="U140" s="261" t="s">
        <v>22</v>
      </c>
    </row>
    <row r="141" spans="1:21" ht="25.5" customHeight="1" x14ac:dyDescent="0.2">
      <c r="A141" s="232"/>
      <c r="B141" s="234"/>
      <c r="C141" s="256"/>
      <c r="D141" s="67"/>
      <c r="E141" s="26" t="s">
        <v>23</v>
      </c>
      <c r="F141" s="241" t="s">
        <v>50</v>
      </c>
      <c r="G141" s="252"/>
      <c r="H141" s="199" t="s">
        <v>157</v>
      </c>
      <c r="I141" s="203" t="s">
        <v>158</v>
      </c>
      <c r="J141" s="20"/>
      <c r="K141" s="36"/>
      <c r="L141" s="37"/>
      <c r="M141" s="52"/>
      <c r="N141" s="44"/>
      <c r="O141" s="43">
        <v>121830</v>
      </c>
      <c r="P141" s="243"/>
      <c r="Q141" s="253"/>
      <c r="R141" s="44" t="s">
        <v>159</v>
      </c>
      <c r="S141" s="60">
        <v>39022</v>
      </c>
      <c r="U141" s="262"/>
    </row>
    <row r="142" spans="1:21" ht="18.75" customHeight="1" x14ac:dyDescent="0.2">
      <c r="A142" s="232"/>
      <c r="B142" s="233">
        <v>69</v>
      </c>
      <c r="C142" s="256"/>
      <c r="D142" s="245" t="s">
        <v>65</v>
      </c>
      <c r="E142" s="271"/>
      <c r="F142" s="16" t="s">
        <v>204</v>
      </c>
      <c r="G142" s="18"/>
      <c r="H142" s="100" t="s">
        <v>160</v>
      </c>
      <c r="I142" s="202" t="s">
        <v>161</v>
      </c>
      <c r="J142" s="80" t="s">
        <v>742</v>
      </c>
      <c r="K142" s="81">
        <v>13</v>
      </c>
      <c r="L142" s="82">
        <v>13</v>
      </c>
      <c r="M142" s="54" t="s">
        <v>11</v>
      </c>
      <c r="N142" s="48" t="s">
        <v>4</v>
      </c>
      <c r="O142" s="64" t="s">
        <v>603</v>
      </c>
      <c r="P142" s="237"/>
      <c r="Q142" s="235" t="s">
        <v>104</v>
      </c>
      <c r="R142" s="42" t="s">
        <v>372</v>
      </c>
      <c r="S142" s="152">
        <v>39387</v>
      </c>
      <c r="U142" s="80"/>
    </row>
    <row r="143" spans="1:21" ht="18.75" customHeight="1" x14ac:dyDescent="0.2">
      <c r="A143" s="232"/>
      <c r="B143" s="234"/>
      <c r="C143" s="256"/>
      <c r="D143" s="56"/>
      <c r="E143" s="26" t="s">
        <v>23</v>
      </c>
      <c r="F143" s="241" t="s">
        <v>66</v>
      </c>
      <c r="G143" s="252"/>
      <c r="H143" s="199" t="s">
        <v>162</v>
      </c>
      <c r="I143" s="203" t="s">
        <v>163</v>
      </c>
      <c r="J143" s="20"/>
      <c r="K143" s="36"/>
      <c r="L143" s="37"/>
      <c r="M143" s="52"/>
      <c r="N143" s="44"/>
      <c r="O143" s="125"/>
      <c r="P143" s="243"/>
      <c r="Q143" s="253"/>
      <c r="R143" s="44" t="s">
        <v>371</v>
      </c>
      <c r="S143" s="60">
        <v>39387</v>
      </c>
      <c r="U143" s="80"/>
    </row>
    <row r="144" spans="1:21" ht="18.75" customHeight="1" x14ac:dyDescent="0.2">
      <c r="A144" s="232"/>
      <c r="B144" s="233">
        <v>70</v>
      </c>
      <c r="C144" s="256"/>
      <c r="D144" s="279" t="s">
        <v>658</v>
      </c>
      <c r="E144" s="280"/>
      <c r="F144" s="16" t="s">
        <v>164</v>
      </c>
      <c r="G144" s="85"/>
      <c r="H144" s="100" t="s">
        <v>87</v>
      </c>
      <c r="I144" s="202" t="s">
        <v>165</v>
      </c>
      <c r="J144" s="78" t="s">
        <v>655</v>
      </c>
      <c r="K144" s="112">
        <v>6</v>
      </c>
      <c r="L144" s="120">
        <v>6</v>
      </c>
      <c r="M144" s="54" t="s">
        <v>4</v>
      </c>
      <c r="N144" s="48" t="s">
        <v>4</v>
      </c>
      <c r="O144" s="47">
        <v>69700</v>
      </c>
      <c r="P144" s="237"/>
      <c r="Q144" s="235" t="s">
        <v>136</v>
      </c>
      <c r="R144" s="42" t="s">
        <v>167</v>
      </c>
      <c r="S144" s="152">
        <v>43191</v>
      </c>
      <c r="U144" s="80"/>
    </row>
    <row r="145" spans="1:21" ht="18.75" customHeight="1" x14ac:dyDescent="0.2">
      <c r="A145" s="232"/>
      <c r="B145" s="234"/>
      <c r="C145" s="256"/>
      <c r="D145" s="108"/>
      <c r="E145" s="26" t="s">
        <v>23</v>
      </c>
      <c r="F145" s="241" t="s">
        <v>656</v>
      </c>
      <c r="G145" s="252"/>
      <c r="H145" s="199" t="s">
        <v>130</v>
      </c>
      <c r="I145" s="219" t="s">
        <v>168</v>
      </c>
      <c r="J145" s="20"/>
      <c r="K145" s="68"/>
      <c r="L145" s="69"/>
      <c r="M145" s="52"/>
      <c r="N145" s="44"/>
      <c r="O145" s="43"/>
      <c r="P145" s="243"/>
      <c r="Q145" s="253"/>
      <c r="R145" s="46"/>
      <c r="S145" s="60">
        <v>43191</v>
      </c>
      <c r="U145" s="80"/>
    </row>
    <row r="146" spans="1:21" ht="18.75" customHeight="1" x14ac:dyDescent="0.2">
      <c r="A146" s="232"/>
      <c r="B146" s="233">
        <v>71</v>
      </c>
      <c r="C146" s="256"/>
      <c r="D146" s="279" t="s">
        <v>169</v>
      </c>
      <c r="E146" s="280"/>
      <c r="F146" s="16" t="s">
        <v>170</v>
      </c>
      <c r="G146" s="85"/>
      <c r="H146" s="100" t="s">
        <v>87</v>
      </c>
      <c r="I146" s="202" t="s">
        <v>543</v>
      </c>
      <c r="J146" s="78" t="s">
        <v>166</v>
      </c>
      <c r="K146" s="112">
        <v>6</v>
      </c>
      <c r="L146" s="120">
        <v>6</v>
      </c>
      <c r="M146" s="54" t="s">
        <v>4</v>
      </c>
      <c r="N146" s="48" t="s">
        <v>4</v>
      </c>
      <c r="O146" s="47" t="s">
        <v>592</v>
      </c>
      <c r="P146" s="237"/>
      <c r="Q146" s="235" t="s">
        <v>92</v>
      </c>
      <c r="R146" s="42" t="s">
        <v>542</v>
      </c>
      <c r="S146" s="152">
        <v>37712</v>
      </c>
      <c r="U146" s="80"/>
    </row>
    <row r="147" spans="1:21" ht="18.75" customHeight="1" x14ac:dyDescent="0.2">
      <c r="A147" s="232"/>
      <c r="B147" s="234"/>
      <c r="C147" s="256"/>
      <c r="D147" s="108"/>
      <c r="E147" s="26" t="s">
        <v>23</v>
      </c>
      <c r="F147" s="241" t="s">
        <v>171</v>
      </c>
      <c r="G147" s="252"/>
      <c r="H147" s="199" t="s">
        <v>172</v>
      </c>
      <c r="I147" s="219" t="s">
        <v>506</v>
      </c>
      <c r="J147" s="20" t="s">
        <v>541</v>
      </c>
      <c r="K147" s="68"/>
      <c r="L147" s="69"/>
      <c r="M147" s="70"/>
      <c r="N147" s="46"/>
      <c r="O147" s="72">
        <v>20000</v>
      </c>
      <c r="P147" s="243"/>
      <c r="Q147" s="253"/>
      <c r="R147" s="46"/>
      <c r="S147" s="60">
        <v>38808</v>
      </c>
      <c r="U147" s="80"/>
    </row>
    <row r="148" spans="1:21" ht="18.75" customHeight="1" x14ac:dyDescent="0.2">
      <c r="A148" s="232"/>
      <c r="B148" s="233">
        <v>72</v>
      </c>
      <c r="C148" s="256"/>
      <c r="D148" s="279" t="s">
        <v>339</v>
      </c>
      <c r="E148" s="280"/>
      <c r="F148" s="16" t="s">
        <v>220</v>
      </c>
      <c r="G148" s="85"/>
      <c r="H148" s="100" t="s">
        <v>87</v>
      </c>
      <c r="I148" s="202" t="s">
        <v>222</v>
      </c>
      <c r="J148" s="78" t="s">
        <v>223</v>
      </c>
      <c r="K148" s="112">
        <v>4</v>
      </c>
      <c r="L148" s="120">
        <v>5</v>
      </c>
      <c r="M148" s="54" t="s">
        <v>4</v>
      </c>
      <c r="N148" s="48" t="s">
        <v>4</v>
      </c>
      <c r="O148" s="47" t="s">
        <v>593</v>
      </c>
      <c r="P148" s="237"/>
      <c r="Q148" s="235" t="s">
        <v>92</v>
      </c>
      <c r="R148" s="42" t="s">
        <v>225</v>
      </c>
      <c r="S148" s="152">
        <v>39753</v>
      </c>
      <c r="U148" s="80"/>
    </row>
    <row r="149" spans="1:21" ht="18.75" customHeight="1" x14ac:dyDescent="0.2">
      <c r="A149" s="232"/>
      <c r="B149" s="234"/>
      <c r="C149" s="256"/>
      <c r="D149" s="108"/>
      <c r="E149" s="26" t="s">
        <v>23</v>
      </c>
      <c r="F149" s="241" t="s">
        <v>221</v>
      </c>
      <c r="G149" s="252"/>
      <c r="H149" s="199" t="s">
        <v>172</v>
      </c>
      <c r="I149" s="219" t="s">
        <v>227</v>
      </c>
      <c r="J149" s="78" t="s">
        <v>224</v>
      </c>
      <c r="K149" s="68"/>
      <c r="L149" s="69"/>
      <c r="M149" s="70"/>
      <c r="N149" s="46"/>
      <c r="O149" s="72">
        <v>71900</v>
      </c>
      <c r="P149" s="243"/>
      <c r="Q149" s="253"/>
      <c r="R149" s="46" t="s">
        <v>226</v>
      </c>
      <c r="S149" s="60">
        <v>39753</v>
      </c>
      <c r="U149" s="80"/>
    </row>
    <row r="150" spans="1:21" ht="18.75" customHeight="1" x14ac:dyDescent="0.2">
      <c r="A150" s="232"/>
      <c r="B150" s="233">
        <v>73</v>
      </c>
      <c r="C150" s="256"/>
      <c r="D150" s="279" t="s">
        <v>316</v>
      </c>
      <c r="E150" s="280"/>
      <c r="F150" s="16" t="s">
        <v>317</v>
      </c>
      <c r="G150" s="85"/>
      <c r="H150" s="100" t="s">
        <v>87</v>
      </c>
      <c r="I150" s="202" t="s">
        <v>706</v>
      </c>
      <c r="J150" s="80" t="s">
        <v>319</v>
      </c>
      <c r="K150" s="112">
        <v>18</v>
      </c>
      <c r="L150" s="120">
        <v>18</v>
      </c>
      <c r="M150" s="54" t="s">
        <v>4</v>
      </c>
      <c r="N150" s="48" t="s">
        <v>11</v>
      </c>
      <c r="O150" s="47" t="s">
        <v>594</v>
      </c>
      <c r="P150" s="237"/>
      <c r="Q150" s="235" t="s">
        <v>92</v>
      </c>
      <c r="R150" s="42" t="s">
        <v>663</v>
      </c>
      <c r="S150" s="152">
        <v>40634</v>
      </c>
      <c r="U150" s="80"/>
    </row>
    <row r="151" spans="1:21" ht="18.75" customHeight="1" x14ac:dyDescent="0.2">
      <c r="A151" s="232"/>
      <c r="B151" s="234"/>
      <c r="C151" s="256"/>
      <c r="D151" s="108"/>
      <c r="E151" s="26" t="s">
        <v>23</v>
      </c>
      <c r="F151" s="241" t="s">
        <v>318</v>
      </c>
      <c r="G151" s="252"/>
      <c r="H151" s="199" t="s">
        <v>172</v>
      </c>
      <c r="I151" s="219" t="s">
        <v>445</v>
      </c>
      <c r="J151" s="78"/>
      <c r="K151" s="68"/>
      <c r="L151" s="69"/>
      <c r="M151" s="70"/>
      <c r="N151" s="46"/>
      <c r="O151" s="72">
        <v>121440</v>
      </c>
      <c r="P151" s="243"/>
      <c r="Q151" s="253"/>
      <c r="R151" s="46" t="s">
        <v>664</v>
      </c>
      <c r="S151" s="60">
        <v>40634</v>
      </c>
      <c r="U151" s="80"/>
    </row>
    <row r="152" spans="1:21" ht="18.75" customHeight="1" x14ac:dyDescent="0.2">
      <c r="A152" s="232"/>
      <c r="B152" s="233">
        <v>74</v>
      </c>
      <c r="C152" s="256"/>
      <c r="D152" s="319" t="s">
        <v>320</v>
      </c>
      <c r="E152" s="320"/>
      <c r="F152" s="30" t="s">
        <v>321</v>
      </c>
      <c r="G152" s="18"/>
      <c r="H152" s="100" t="s">
        <v>135</v>
      </c>
      <c r="I152" s="202" t="s">
        <v>323</v>
      </c>
      <c r="J152" s="80" t="s">
        <v>311</v>
      </c>
      <c r="K152" s="34">
        <v>50</v>
      </c>
      <c r="L152" s="206">
        <v>50</v>
      </c>
      <c r="M152" s="54" t="s">
        <v>4</v>
      </c>
      <c r="N152" s="48" t="s">
        <v>325</v>
      </c>
      <c r="O152" s="55" t="s">
        <v>595</v>
      </c>
      <c r="P152" s="235" t="s">
        <v>83</v>
      </c>
      <c r="Q152" s="235" t="s">
        <v>136</v>
      </c>
      <c r="R152" s="42" t="s">
        <v>326</v>
      </c>
      <c r="S152" s="152">
        <v>40725</v>
      </c>
      <c r="T152" s="59"/>
      <c r="U152" s="261" t="s">
        <v>22</v>
      </c>
    </row>
    <row r="153" spans="1:21" ht="18.75" customHeight="1" x14ac:dyDescent="0.2">
      <c r="A153" s="232"/>
      <c r="B153" s="234"/>
      <c r="C153" s="256"/>
      <c r="D153" s="205" t="s">
        <v>10</v>
      </c>
      <c r="E153" s="76"/>
      <c r="F153" s="241" t="s">
        <v>322</v>
      </c>
      <c r="G153" s="252"/>
      <c r="H153" s="199" t="s">
        <v>71</v>
      </c>
      <c r="I153" s="203" t="s">
        <v>324</v>
      </c>
      <c r="J153" s="20"/>
      <c r="K153" s="128"/>
      <c r="L153" s="207"/>
      <c r="M153" s="70"/>
      <c r="N153" s="46"/>
      <c r="O153" s="43">
        <v>141000</v>
      </c>
      <c r="P153" s="253"/>
      <c r="Q153" s="253"/>
      <c r="R153" s="44" t="s">
        <v>327</v>
      </c>
      <c r="S153" s="60">
        <v>40725</v>
      </c>
      <c r="T153" s="17"/>
      <c r="U153" s="262"/>
    </row>
    <row r="154" spans="1:21" ht="18.75" customHeight="1" x14ac:dyDescent="0.2">
      <c r="A154" s="232"/>
      <c r="B154" s="233">
        <v>75</v>
      </c>
      <c r="C154" s="256"/>
      <c r="D154" s="281" t="s">
        <v>605</v>
      </c>
      <c r="E154" s="282"/>
      <c r="F154" s="16" t="s">
        <v>328</v>
      </c>
      <c r="G154" s="85"/>
      <c r="H154" s="100" t="s">
        <v>87</v>
      </c>
      <c r="I154" s="202" t="s">
        <v>340</v>
      </c>
      <c r="J154" s="80" t="s">
        <v>330</v>
      </c>
      <c r="K154" s="112">
        <v>7</v>
      </c>
      <c r="L154" s="120">
        <v>7</v>
      </c>
      <c r="M154" s="54" t="s">
        <v>4</v>
      </c>
      <c r="N154" s="48" t="s">
        <v>4</v>
      </c>
      <c r="O154" s="47" t="s">
        <v>596</v>
      </c>
      <c r="P154" s="235" t="s">
        <v>83</v>
      </c>
      <c r="Q154" s="235" t="s">
        <v>92</v>
      </c>
      <c r="R154" s="42" t="s">
        <v>331</v>
      </c>
      <c r="S154" s="152">
        <v>40727</v>
      </c>
      <c r="U154" s="80"/>
    </row>
    <row r="155" spans="1:21" ht="18.75" customHeight="1" x14ac:dyDescent="0.2">
      <c r="A155" s="232"/>
      <c r="B155" s="234"/>
      <c r="C155" s="256"/>
      <c r="D155" s="108"/>
      <c r="E155" s="26" t="s">
        <v>23</v>
      </c>
      <c r="F155" s="241" t="s">
        <v>329</v>
      </c>
      <c r="G155" s="252"/>
      <c r="H155" s="199" t="s">
        <v>172</v>
      </c>
      <c r="I155" s="219" t="s">
        <v>341</v>
      </c>
      <c r="J155" s="78"/>
      <c r="K155" s="68"/>
      <c r="L155" s="69"/>
      <c r="M155" s="70"/>
      <c r="N155" s="40"/>
      <c r="O155" s="72">
        <v>187724</v>
      </c>
      <c r="P155" s="253"/>
      <c r="Q155" s="253"/>
      <c r="R155" s="46"/>
      <c r="S155" s="60">
        <v>40727</v>
      </c>
      <c r="U155" s="80"/>
    </row>
    <row r="156" spans="1:21" ht="18.75" customHeight="1" x14ac:dyDescent="0.2">
      <c r="A156" s="232"/>
      <c r="B156" s="233">
        <v>76</v>
      </c>
      <c r="C156" s="256"/>
      <c r="D156" s="279" t="s">
        <v>343</v>
      </c>
      <c r="E156" s="280"/>
      <c r="F156" s="16" t="s">
        <v>344</v>
      </c>
      <c r="G156" s="85"/>
      <c r="H156" s="100" t="s">
        <v>87</v>
      </c>
      <c r="I156" s="202" t="s">
        <v>347</v>
      </c>
      <c r="J156" s="80" t="s">
        <v>740</v>
      </c>
      <c r="K156" s="112">
        <v>14</v>
      </c>
      <c r="L156" s="120">
        <v>16</v>
      </c>
      <c r="M156" s="54" t="s">
        <v>583</v>
      </c>
      <c r="N156" s="42" t="s">
        <v>213</v>
      </c>
      <c r="O156" s="47">
        <v>120000</v>
      </c>
      <c r="P156" s="235" t="s">
        <v>83</v>
      </c>
      <c r="Q156" s="235" t="s">
        <v>78</v>
      </c>
      <c r="R156" s="42" t="s">
        <v>248</v>
      </c>
      <c r="S156" s="152">
        <v>40878</v>
      </c>
      <c r="U156" s="80"/>
    </row>
    <row r="157" spans="1:21" ht="18.75" customHeight="1" x14ac:dyDescent="0.2">
      <c r="A157" s="232"/>
      <c r="B157" s="234"/>
      <c r="C157" s="256"/>
      <c r="D157" s="108"/>
      <c r="E157" s="26" t="s">
        <v>23</v>
      </c>
      <c r="F157" s="241" t="s">
        <v>345</v>
      </c>
      <c r="G157" s="252"/>
      <c r="H157" s="199" t="s">
        <v>172</v>
      </c>
      <c r="I157" s="219" t="s">
        <v>348</v>
      </c>
      <c r="J157" s="78"/>
      <c r="K157" s="68"/>
      <c r="L157" s="69"/>
      <c r="M157" s="70"/>
      <c r="N157" s="40"/>
      <c r="O157" s="72"/>
      <c r="P157" s="253"/>
      <c r="Q157" s="253"/>
      <c r="R157" s="44" t="s">
        <v>346</v>
      </c>
      <c r="S157" s="60">
        <v>40878</v>
      </c>
      <c r="U157" s="80"/>
    </row>
    <row r="158" spans="1:21" ht="18.75" customHeight="1" x14ac:dyDescent="0.2">
      <c r="A158" s="232"/>
      <c r="B158" s="233">
        <v>77</v>
      </c>
      <c r="C158" s="256"/>
      <c r="D158" s="283" t="s">
        <v>606</v>
      </c>
      <c r="E158" s="284"/>
      <c r="F158" s="16" t="s">
        <v>328</v>
      </c>
      <c r="G158" s="85"/>
      <c r="H158" s="100" t="s">
        <v>72</v>
      </c>
      <c r="I158" s="202" t="s">
        <v>340</v>
      </c>
      <c r="J158" s="80" t="s">
        <v>330</v>
      </c>
      <c r="K158" s="112">
        <v>40</v>
      </c>
      <c r="L158" s="206">
        <v>40</v>
      </c>
      <c r="M158" s="54" t="s">
        <v>4</v>
      </c>
      <c r="N158" s="48" t="s">
        <v>4</v>
      </c>
      <c r="O158" s="47" t="s">
        <v>597</v>
      </c>
      <c r="P158" s="235" t="s">
        <v>77</v>
      </c>
      <c r="Q158" s="235" t="s">
        <v>92</v>
      </c>
      <c r="R158" s="42" t="s">
        <v>331</v>
      </c>
      <c r="S158" s="152">
        <v>41183</v>
      </c>
      <c r="U158" s="80"/>
    </row>
    <row r="159" spans="1:21" ht="18.75" customHeight="1" x14ac:dyDescent="0.2">
      <c r="A159" s="232"/>
      <c r="B159" s="234"/>
      <c r="C159" s="257"/>
      <c r="D159" s="205" t="s">
        <v>10</v>
      </c>
      <c r="E159" s="76"/>
      <c r="F159" s="241" t="s">
        <v>329</v>
      </c>
      <c r="G159" s="252"/>
      <c r="H159" s="199" t="s">
        <v>71</v>
      </c>
      <c r="I159" s="219" t="s">
        <v>341</v>
      </c>
      <c r="J159" s="78"/>
      <c r="K159" s="68"/>
      <c r="L159" s="217"/>
      <c r="M159" s="70"/>
      <c r="N159" s="91"/>
      <c r="O159" s="143">
        <v>164700</v>
      </c>
      <c r="P159" s="293"/>
      <c r="Q159" s="293"/>
      <c r="R159" s="46"/>
      <c r="S159" s="182">
        <v>41183</v>
      </c>
      <c r="U159" s="80"/>
    </row>
    <row r="160" spans="1:21" ht="18.75" customHeight="1" x14ac:dyDescent="0.2">
      <c r="A160" s="232"/>
      <c r="B160" s="233">
        <v>78</v>
      </c>
      <c r="C160" s="255" t="s">
        <v>51</v>
      </c>
      <c r="D160" s="224" t="s">
        <v>173</v>
      </c>
      <c r="E160" s="61"/>
      <c r="F160" s="16" t="s">
        <v>205</v>
      </c>
      <c r="G160" s="15"/>
      <c r="H160" s="100" t="s">
        <v>82</v>
      </c>
      <c r="I160" s="202" t="s">
        <v>174</v>
      </c>
      <c r="J160" s="13" t="s">
        <v>741</v>
      </c>
      <c r="K160" s="34">
        <v>26</v>
      </c>
      <c r="L160" s="206">
        <v>26</v>
      </c>
      <c r="M160" s="87" t="s">
        <v>4</v>
      </c>
      <c r="N160" s="48" t="s">
        <v>4</v>
      </c>
      <c r="O160" s="45">
        <v>123900</v>
      </c>
      <c r="P160" s="235" t="s">
        <v>83</v>
      </c>
      <c r="Q160" s="235" t="s">
        <v>78</v>
      </c>
      <c r="R160" s="42" t="s">
        <v>175</v>
      </c>
      <c r="S160" s="152">
        <v>38108</v>
      </c>
      <c r="U160" s="294" t="s">
        <v>52</v>
      </c>
    </row>
    <row r="161" spans="1:21" ht="18.75" customHeight="1" x14ac:dyDescent="0.2">
      <c r="A161" s="232"/>
      <c r="B161" s="234"/>
      <c r="C161" s="256"/>
      <c r="D161" s="205" t="s">
        <v>10</v>
      </c>
      <c r="E161" s="76"/>
      <c r="F161" s="251" t="s">
        <v>53</v>
      </c>
      <c r="G161" s="272"/>
      <c r="H161" s="199" t="s">
        <v>176</v>
      </c>
      <c r="I161" s="203" t="s">
        <v>177</v>
      </c>
      <c r="J161" s="97"/>
      <c r="K161" s="71"/>
      <c r="L161" s="218"/>
      <c r="M161" s="90"/>
      <c r="N161" s="40"/>
      <c r="O161" s="51"/>
      <c r="P161" s="253"/>
      <c r="Q161" s="253"/>
      <c r="R161" s="44"/>
      <c r="S161" s="60">
        <v>38808</v>
      </c>
      <c r="U161" s="295"/>
    </row>
    <row r="162" spans="1:21" ht="18.75" customHeight="1" x14ac:dyDescent="0.2">
      <c r="A162" s="232"/>
      <c r="B162" s="233">
        <v>79</v>
      </c>
      <c r="C162" s="256"/>
      <c r="D162" s="224" t="s">
        <v>178</v>
      </c>
      <c r="E162" s="61"/>
      <c r="F162" s="16" t="s">
        <v>206</v>
      </c>
      <c r="G162" s="15"/>
      <c r="H162" s="100" t="s">
        <v>82</v>
      </c>
      <c r="I162" s="202" t="s">
        <v>179</v>
      </c>
      <c r="J162" s="13" t="s">
        <v>741</v>
      </c>
      <c r="K162" s="34">
        <v>20</v>
      </c>
      <c r="L162" s="206">
        <v>20</v>
      </c>
      <c r="M162" s="87" t="s">
        <v>4</v>
      </c>
      <c r="N162" s="48" t="s">
        <v>4</v>
      </c>
      <c r="O162" s="45">
        <v>123900</v>
      </c>
      <c r="P162" s="235" t="s">
        <v>83</v>
      </c>
      <c r="Q162" s="235" t="s">
        <v>78</v>
      </c>
      <c r="R162" s="42" t="s">
        <v>180</v>
      </c>
      <c r="S162" s="152">
        <v>39508</v>
      </c>
      <c r="U162" s="78"/>
    </row>
    <row r="163" spans="1:21" ht="18.75" customHeight="1" x14ac:dyDescent="0.2">
      <c r="A163" s="232"/>
      <c r="B163" s="234"/>
      <c r="C163" s="256"/>
      <c r="D163" s="205" t="s">
        <v>10</v>
      </c>
      <c r="E163" s="76"/>
      <c r="F163" s="251" t="s">
        <v>181</v>
      </c>
      <c r="G163" s="272"/>
      <c r="H163" s="199" t="s">
        <v>176</v>
      </c>
      <c r="I163" s="203" t="s">
        <v>182</v>
      </c>
      <c r="J163" s="97"/>
      <c r="K163" s="71"/>
      <c r="L163" s="218"/>
      <c r="M163" s="90"/>
      <c r="N163" s="40"/>
      <c r="O163" s="51"/>
      <c r="P163" s="253"/>
      <c r="Q163" s="253"/>
      <c r="R163" s="44"/>
      <c r="S163" s="60">
        <v>39508</v>
      </c>
      <c r="U163" s="78"/>
    </row>
    <row r="164" spans="1:21" ht="18.75" customHeight="1" x14ac:dyDescent="0.2">
      <c r="A164" s="232"/>
      <c r="B164" s="233">
        <v>80</v>
      </c>
      <c r="C164" s="256"/>
      <c r="D164" s="245" t="s">
        <v>416</v>
      </c>
      <c r="E164" s="271"/>
      <c r="F164" s="16" t="s">
        <v>207</v>
      </c>
      <c r="G164" s="21"/>
      <c r="H164" s="100" t="s">
        <v>183</v>
      </c>
      <c r="I164" s="202" t="s">
        <v>54</v>
      </c>
      <c r="J164" s="80" t="s">
        <v>311</v>
      </c>
      <c r="K164" s="34">
        <v>9</v>
      </c>
      <c r="L164" s="35">
        <v>9</v>
      </c>
      <c r="M164" s="48" t="s">
        <v>4</v>
      </c>
      <c r="N164" s="48" t="s">
        <v>4</v>
      </c>
      <c r="O164" s="55" t="s">
        <v>503</v>
      </c>
      <c r="P164" s="237"/>
      <c r="Q164" s="235" t="s">
        <v>92</v>
      </c>
      <c r="R164" s="42" t="s">
        <v>184</v>
      </c>
      <c r="S164" s="152">
        <v>40269</v>
      </c>
      <c r="U164" s="261" t="s">
        <v>55</v>
      </c>
    </row>
    <row r="165" spans="1:21" ht="22.5" customHeight="1" x14ac:dyDescent="0.2">
      <c r="A165" s="232"/>
      <c r="B165" s="234"/>
      <c r="C165" s="256"/>
      <c r="D165" s="56"/>
      <c r="E165" s="26" t="s">
        <v>23</v>
      </c>
      <c r="F165" s="251" t="s">
        <v>56</v>
      </c>
      <c r="G165" s="272"/>
      <c r="H165" s="199" t="s">
        <v>94</v>
      </c>
      <c r="I165" s="204" t="s">
        <v>185</v>
      </c>
      <c r="J165" s="20"/>
      <c r="K165" s="36"/>
      <c r="L165" s="37"/>
      <c r="M165" s="52"/>
      <c r="N165" s="44"/>
      <c r="O165" s="148"/>
      <c r="P165" s="243"/>
      <c r="Q165" s="253"/>
      <c r="R165" s="44" t="s">
        <v>57</v>
      </c>
      <c r="S165" s="60">
        <v>40269</v>
      </c>
      <c r="U165" s="262"/>
    </row>
    <row r="166" spans="1:21" ht="18.75" customHeight="1" x14ac:dyDescent="0.2">
      <c r="A166" s="232"/>
      <c r="B166" s="233">
        <v>81</v>
      </c>
      <c r="C166" s="256"/>
      <c r="D166" s="245" t="s">
        <v>61</v>
      </c>
      <c r="E166" s="271"/>
      <c r="F166" s="16" t="s">
        <v>476</v>
      </c>
      <c r="G166" s="21"/>
      <c r="H166" s="100" t="s">
        <v>186</v>
      </c>
      <c r="I166" s="202" t="s">
        <v>481</v>
      </c>
      <c r="J166" s="80" t="s">
        <v>311</v>
      </c>
      <c r="K166" s="34">
        <v>6</v>
      </c>
      <c r="L166" s="35">
        <v>6</v>
      </c>
      <c r="M166" s="54" t="s">
        <v>4</v>
      </c>
      <c r="N166" s="48" t="s">
        <v>4</v>
      </c>
      <c r="O166" s="55" t="s">
        <v>598</v>
      </c>
      <c r="P166" s="237"/>
      <c r="Q166" s="235" t="s">
        <v>92</v>
      </c>
      <c r="R166" s="42" t="s">
        <v>187</v>
      </c>
      <c r="S166" s="152">
        <v>40269</v>
      </c>
      <c r="U166" s="77"/>
    </row>
    <row r="167" spans="1:21" ht="18.75" customHeight="1" x14ac:dyDescent="0.2">
      <c r="A167" s="232"/>
      <c r="B167" s="234"/>
      <c r="C167" s="257"/>
      <c r="D167" s="56"/>
      <c r="E167" s="26" t="s">
        <v>23</v>
      </c>
      <c r="F167" s="251" t="s">
        <v>62</v>
      </c>
      <c r="G167" s="272"/>
      <c r="H167" s="199" t="s">
        <v>188</v>
      </c>
      <c r="I167" s="204" t="s">
        <v>189</v>
      </c>
      <c r="J167" s="20"/>
      <c r="K167" s="36"/>
      <c r="L167" s="37"/>
      <c r="M167" s="52"/>
      <c r="N167" s="44"/>
      <c r="O167" s="72">
        <v>88480</v>
      </c>
      <c r="P167" s="243"/>
      <c r="Q167" s="253"/>
      <c r="R167" s="44"/>
      <c r="S167" s="60">
        <v>40269</v>
      </c>
      <c r="U167" s="77"/>
    </row>
    <row r="168" spans="1:21" ht="27.75" customHeight="1" thickBot="1" x14ac:dyDescent="0.2">
      <c r="A168" s="198"/>
      <c r="K168" s="132">
        <f>SUM(K6:K167)</f>
        <v>2176</v>
      </c>
      <c r="L168" s="133">
        <f>SUM(L6:L167)</f>
        <v>2365</v>
      </c>
      <c r="M168" s="290" t="s">
        <v>545</v>
      </c>
      <c r="N168" s="291"/>
      <c r="O168" s="291"/>
      <c r="P168" s="291"/>
      <c r="Q168" s="291"/>
      <c r="R168" s="291"/>
      <c r="S168" s="292"/>
      <c r="T168" s="24"/>
      <c r="U168" s="31"/>
    </row>
    <row r="169" spans="1:21" s="137" customFormat="1" ht="31.5" customHeight="1" x14ac:dyDescent="0.15">
      <c r="B169" s="285" t="s">
        <v>5</v>
      </c>
      <c r="C169" s="286"/>
      <c r="D169" s="287" t="s">
        <v>672</v>
      </c>
      <c r="E169" s="288"/>
      <c r="F169" s="288"/>
      <c r="G169" s="288"/>
      <c r="H169" s="288"/>
      <c r="I169" s="288"/>
      <c r="J169" s="289"/>
      <c r="K169" s="118"/>
      <c r="L169" s="118"/>
      <c r="M169" s="134"/>
      <c r="N169" s="134"/>
      <c r="O169" s="134"/>
      <c r="P169" s="134"/>
      <c r="Q169" s="134"/>
      <c r="R169" s="134"/>
      <c r="S169" s="134"/>
      <c r="T169" s="135"/>
      <c r="U169" s="136"/>
    </row>
    <row r="170" spans="1:21" ht="20.100000000000001" customHeight="1" x14ac:dyDescent="0.15">
      <c r="C170" s="32"/>
      <c r="D170" s="25"/>
      <c r="E170" s="25"/>
      <c r="F170" s="23"/>
      <c r="G170" s="23"/>
      <c r="H170" s="23"/>
      <c r="I170" s="23"/>
      <c r="J170" s="23"/>
      <c r="K170" s="2"/>
      <c r="L170" s="2"/>
      <c r="M170" s="73"/>
      <c r="N170" s="73"/>
      <c r="O170" s="74"/>
      <c r="P170" s="74"/>
      <c r="Q170" s="74"/>
      <c r="R170" s="70"/>
      <c r="S170" s="75"/>
      <c r="T170" s="24"/>
      <c r="U170" s="19"/>
    </row>
  </sheetData>
  <autoFilter ref="B5:U168">
    <filterColumn colId="2" showButton="0"/>
    <filterColumn colId="4" showButton="0"/>
    <filterColumn colId="6" showButton="0"/>
  </autoFilter>
  <mergeCells count="437">
    <mergeCell ref="B112:B113"/>
    <mergeCell ref="D112:E112"/>
    <mergeCell ref="P112:P113"/>
    <mergeCell ref="Q112:Q113"/>
    <mergeCell ref="F113:G113"/>
    <mergeCell ref="C98:C113"/>
    <mergeCell ref="Q110:Q111"/>
    <mergeCell ref="F105:G105"/>
    <mergeCell ref="F109:G109"/>
    <mergeCell ref="D104:E104"/>
    <mergeCell ref="P64:P65"/>
    <mergeCell ref="P66:P67"/>
    <mergeCell ref="P68:P69"/>
    <mergeCell ref="P70:P71"/>
    <mergeCell ref="Q64:Q65"/>
    <mergeCell ref="Q106:Q107"/>
    <mergeCell ref="Q104:Q105"/>
    <mergeCell ref="Q84:Q85"/>
    <mergeCell ref="Q92:Q93"/>
    <mergeCell ref="P92:P93"/>
    <mergeCell ref="Q138:Q139"/>
    <mergeCell ref="P138:P139"/>
    <mergeCell ref="D114:E114"/>
    <mergeCell ref="P122:P123"/>
    <mergeCell ref="D122:E122"/>
    <mergeCell ref="D116:E116"/>
    <mergeCell ref="D130:E130"/>
    <mergeCell ref="D124:E124"/>
    <mergeCell ref="P116:P117"/>
    <mergeCell ref="D118:E118"/>
    <mergeCell ref="P58:P59"/>
    <mergeCell ref="Q58:Q59"/>
    <mergeCell ref="F59:G59"/>
    <mergeCell ref="C134:C135"/>
    <mergeCell ref="Q90:Q91"/>
    <mergeCell ref="Q88:Q89"/>
    <mergeCell ref="P76:P77"/>
    <mergeCell ref="F75:G75"/>
    <mergeCell ref="D110:E110"/>
    <mergeCell ref="F111:G111"/>
    <mergeCell ref="B160:B161"/>
    <mergeCell ref="D126:E126"/>
    <mergeCell ref="Q126:Q127"/>
    <mergeCell ref="P126:P127"/>
    <mergeCell ref="F127:G127"/>
    <mergeCell ref="B126:B127"/>
    <mergeCell ref="C114:C127"/>
    <mergeCell ref="B116:B117"/>
    <mergeCell ref="B124:B125"/>
    <mergeCell ref="D138:E138"/>
    <mergeCell ref="B94:B95"/>
    <mergeCell ref="B90:B91"/>
    <mergeCell ref="B86:B87"/>
    <mergeCell ref="B80:B81"/>
    <mergeCell ref="C72:C75"/>
    <mergeCell ref="C76:C97"/>
    <mergeCell ref="B76:B77"/>
    <mergeCell ref="B88:B89"/>
    <mergeCell ref="B36:B37"/>
    <mergeCell ref="D54:E54"/>
    <mergeCell ref="D8:E8"/>
    <mergeCell ref="B12:B13"/>
    <mergeCell ref="Q98:Q99"/>
    <mergeCell ref="F97:G97"/>
    <mergeCell ref="Q78:Q79"/>
    <mergeCell ref="Q94:Q95"/>
    <mergeCell ref="B98:B99"/>
    <mergeCell ref="D92:E92"/>
    <mergeCell ref="P62:P63"/>
    <mergeCell ref="Q62:Q63"/>
    <mergeCell ref="B60:B61"/>
    <mergeCell ref="B64:B65"/>
    <mergeCell ref="D100:E100"/>
    <mergeCell ref="D76:E76"/>
    <mergeCell ref="D78:E78"/>
    <mergeCell ref="D94:E94"/>
    <mergeCell ref="B96:B97"/>
    <mergeCell ref="F85:G85"/>
    <mergeCell ref="D40:E40"/>
    <mergeCell ref="B44:B45"/>
    <mergeCell ref="B48:B49"/>
    <mergeCell ref="Q54:Q55"/>
    <mergeCell ref="F55:G55"/>
    <mergeCell ref="P54:P55"/>
    <mergeCell ref="B46:B47"/>
    <mergeCell ref="D46:E46"/>
    <mergeCell ref="C6:C47"/>
    <mergeCell ref="B8:B9"/>
    <mergeCell ref="Q60:Q61"/>
    <mergeCell ref="F57:G57"/>
    <mergeCell ref="Q56:Q57"/>
    <mergeCell ref="P60:P61"/>
    <mergeCell ref="F47:G47"/>
    <mergeCell ref="F56:G56"/>
    <mergeCell ref="F54:G54"/>
    <mergeCell ref="F53:G53"/>
    <mergeCell ref="P48:P49"/>
    <mergeCell ref="F61:G61"/>
    <mergeCell ref="B38:B39"/>
    <mergeCell ref="F31:G31"/>
    <mergeCell ref="B6:B7"/>
    <mergeCell ref="D42:E42"/>
    <mergeCell ref="B42:B43"/>
    <mergeCell ref="D44:E44"/>
    <mergeCell ref="D22:E22"/>
    <mergeCell ref="D16:E16"/>
    <mergeCell ref="F13:G13"/>
    <mergeCell ref="B40:B41"/>
    <mergeCell ref="B118:B119"/>
    <mergeCell ref="B120:B121"/>
    <mergeCell ref="B78:B79"/>
    <mergeCell ref="B70:B71"/>
    <mergeCell ref="B62:B63"/>
    <mergeCell ref="B92:B93"/>
    <mergeCell ref="B110:B111"/>
    <mergeCell ref="B104:B105"/>
    <mergeCell ref="B114:B115"/>
    <mergeCell ref="B108:B109"/>
    <mergeCell ref="P110:P111"/>
    <mergeCell ref="F101:G101"/>
    <mergeCell ref="F117:G117"/>
    <mergeCell ref="P130:P131"/>
    <mergeCell ref="F131:G131"/>
    <mergeCell ref="F123:G123"/>
    <mergeCell ref="P108:P109"/>
    <mergeCell ref="F115:G115"/>
    <mergeCell ref="F129:G129"/>
    <mergeCell ref="D120:E120"/>
    <mergeCell ref="F119:G119"/>
    <mergeCell ref="N128:N129"/>
    <mergeCell ref="P120:P121"/>
    <mergeCell ref="P118:P119"/>
    <mergeCell ref="B142:B143"/>
    <mergeCell ref="B130:B131"/>
    <mergeCell ref="C128:C131"/>
    <mergeCell ref="D136:E136"/>
    <mergeCell ref="D140:E140"/>
    <mergeCell ref="D52:E52"/>
    <mergeCell ref="B84:B85"/>
    <mergeCell ref="D48:E48"/>
    <mergeCell ref="B56:B57"/>
    <mergeCell ref="B68:B69"/>
    <mergeCell ref="D50:E50"/>
    <mergeCell ref="D56:E56"/>
    <mergeCell ref="B50:B51"/>
    <mergeCell ref="B134:B135"/>
    <mergeCell ref="B136:B137"/>
    <mergeCell ref="B140:B141"/>
    <mergeCell ref="B148:B149"/>
    <mergeCell ref="B144:B145"/>
    <mergeCell ref="D142:E142"/>
    <mergeCell ref="D144:E144"/>
    <mergeCell ref="D148:E148"/>
    <mergeCell ref="Q16:Q17"/>
    <mergeCell ref="B28:B29"/>
    <mergeCell ref="P10:P11"/>
    <mergeCell ref="U152:U153"/>
    <mergeCell ref="F151:G151"/>
    <mergeCell ref="B152:B153"/>
    <mergeCell ref="D152:E152"/>
    <mergeCell ref="P152:P153"/>
    <mergeCell ref="D10:E10"/>
    <mergeCell ref="B34:B35"/>
    <mergeCell ref="D34:E34"/>
    <mergeCell ref="B24:B25"/>
    <mergeCell ref="D32:E32"/>
    <mergeCell ref="D30:E30"/>
    <mergeCell ref="D12:E12"/>
    <mergeCell ref="B10:B11"/>
    <mergeCell ref="B14:B15"/>
    <mergeCell ref="B16:B17"/>
    <mergeCell ref="B18:B19"/>
    <mergeCell ref="D20:E20"/>
    <mergeCell ref="U4:U5"/>
    <mergeCell ref="F78:G78"/>
    <mergeCell ref="Q76:Q77"/>
    <mergeCell ref="P78:P79"/>
    <mergeCell ref="F79:G79"/>
    <mergeCell ref="U8:U9"/>
    <mergeCell ref="U6:U7"/>
    <mergeCell ref="P6:P7"/>
    <mergeCell ref="F33:G33"/>
    <mergeCell ref="Q32:Q33"/>
    <mergeCell ref="Q18:Q19"/>
    <mergeCell ref="B74:B75"/>
    <mergeCell ref="F23:G23"/>
    <mergeCell ref="B22:B23"/>
    <mergeCell ref="Q24:Q25"/>
    <mergeCell ref="F29:G29"/>
    <mergeCell ref="F25:G25"/>
    <mergeCell ref="P28:P29"/>
    <mergeCell ref="P24:P25"/>
    <mergeCell ref="B30:B31"/>
    <mergeCell ref="Q6:Q7"/>
    <mergeCell ref="U10:U11"/>
    <mergeCell ref="F9:G9"/>
    <mergeCell ref="F19:G19"/>
    <mergeCell ref="F17:G17"/>
    <mergeCell ref="Q14:Q15"/>
    <mergeCell ref="P14:P15"/>
    <mergeCell ref="P18:P19"/>
    <mergeCell ref="Q10:Q11"/>
    <mergeCell ref="P8:P9"/>
    <mergeCell ref="T4:T5"/>
    <mergeCell ref="Q8:Q9"/>
    <mergeCell ref="P16:P17"/>
    <mergeCell ref="D72:E72"/>
    <mergeCell ref="D18:E18"/>
    <mergeCell ref="F21:G21"/>
    <mergeCell ref="F11:G11"/>
    <mergeCell ref="D14:E14"/>
    <mergeCell ref="P12:P13"/>
    <mergeCell ref="Q12:Q13"/>
    <mergeCell ref="B20:B21"/>
    <mergeCell ref="F15:G15"/>
    <mergeCell ref="D28:E28"/>
    <mergeCell ref="D24:E24"/>
    <mergeCell ref="B26:B27"/>
    <mergeCell ref="D26:E26"/>
    <mergeCell ref="F27:G27"/>
    <mergeCell ref="C4:C5"/>
    <mergeCell ref="H4:I5"/>
    <mergeCell ref="F7:G7"/>
    <mergeCell ref="D4:E5"/>
    <mergeCell ref="F4:G5"/>
    <mergeCell ref="D6:E6"/>
    <mergeCell ref="Q20:Q21"/>
    <mergeCell ref="P26:P27"/>
    <mergeCell ref="P20:P21"/>
    <mergeCell ref="Q28:Q29"/>
    <mergeCell ref="Q26:Q27"/>
    <mergeCell ref="P22:P23"/>
    <mergeCell ref="Q22:Q23"/>
    <mergeCell ref="F63:G63"/>
    <mergeCell ref="F62:G62"/>
    <mergeCell ref="F87:G87"/>
    <mergeCell ref="F95:G95"/>
    <mergeCell ref="D60:E60"/>
    <mergeCell ref="D74:E74"/>
    <mergeCell ref="F93:G93"/>
    <mergeCell ref="F76:G76"/>
    <mergeCell ref="F77:G77"/>
    <mergeCell ref="F83:G83"/>
    <mergeCell ref="F41:G41"/>
    <mergeCell ref="F73:G73"/>
    <mergeCell ref="F65:G65"/>
    <mergeCell ref="F45:G45"/>
    <mergeCell ref="B54:B55"/>
    <mergeCell ref="B66:B67"/>
    <mergeCell ref="D58:E58"/>
    <mergeCell ref="F58:G58"/>
    <mergeCell ref="F51:G51"/>
    <mergeCell ref="F60:G60"/>
    <mergeCell ref="F147:G147"/>
    <mergeCell ref="F145:G145"/>
    <mergeCell ref="C132:C133"/>
    <mergeCell ref="B32:B33"/>
    <mergeCell ref="D88:E88"/>
    <mergeCell ref="D96:E96"/>
    <mergeCell ref="B128:B129"/>
    <mergeCell ref="D86:E86"/>
    <mergeCell ref="B122:B123"/>
    <mergeCell ref="D84:E84"/>
    <mergeCell ref="Q156:Q157"/>
    <mergeCell ref="Q150:Q151"/>
    <mergeCell ref="B132:B133"/>
    <mergeCell ref="B72:B73"/>
    <mergeCell ref="P144:P145"/>
    <mergeCell ref="F141:G141"/>
    <mergeCell ref="B146:B147"/>
    <mergeCell ref="D146:E146"/>
    <mergeCell ref="P140:P141"/>
    <mergeCell ref="F143:G143"/>
    <mergeCell ref="Q154:Q155"/>
    <mergeCell ref="F153:G153"/>
    <mergeCell ref="Q152:Q153"/>
    <mergeCell ref="P150:P151"/>
    <mergeCell ref="Q148:Q149"/>
    <mergeCell ref="F149:G149"/>
    <mergeCell ref="U164:U165"/>
    <mergeCell ref="F165:G165"/>
    <mergeCell ref="Q164:Q165"/>
    <mergeCell ref="Q158:Q159"/>
    <mergeCell ref="F159:G159"/>
    <mergeCell ref="P158:P159"/>
    <mergeCell ref="U160:U161"/>
    <mergeCell ref="F161:G161"/>
    <mergeCell ref="P160:P161"/>
    <mergeCell ref="Q160:Q161"/>
    <mergeCell ref="B169:C169"/>
    <mergeCell ref="B162:B163"/>
    <mergeCell ref="P162:P163"/>
    <mergeCell ref="Q162:Q163"/>
    <mergeCell ref="B164:B165"/>
    <mergeCell ref="D169:J169"/>
    <mergeCell ref="M168:S168"/>
    <mergeCell ref="F167:G167"/>
    <mergeCell ref="Q166:Q167"/>
    <mergeCell ref="D166:E166"/>
    <mergeCell ref="B154:B155"/>
    <mergeCell ref="B158:B159"/>
    <mergeCell ref="B156:B157"/>
    <mergeCell ref="F157:G157"/>
    <mergeCell ref="D154:E154"/>
    <mergeCell ref="F155:G155"/>
    <mergeCell ref="C136:C159"/>
    <mergeCell ref="B150:B151"/>
    <mergeCell ref="D150:E150"/>
    <mergeCell ref="D158:E158"/>
    <mergeCell ref="C160:C167"/>
    <mergeCell ref="D164:E164"/>
    <mergeCell ref="P164:P165"/>
    <mergeCell ref="F163:G163"/>
    <mergeCell ref="P156:P157"/>
    <mergeCell ref="P148:P149"/>
    <mergeCell ref="P154:P155"/>
    <mergeCell ref="D156:E156"/>
    <mergeCell ref="B166:B167"/>
    <mergeCell ref="P166:P167"/>
    <mergeCell ref="P34:P35"/>
    <mergeCell ref="Q96:Q97"/>
    <mergeCell ref="Q100:Q101"/>
    <mergeCell ref="P36:P37"/>
    <mergeCell ref="P104:P105"/>
    <mergeCell ref="Q114:Q115"/>
    <mergeCell ref="Q34:Q35"/>
    <mergeCell ref="F137:G137"/>
    <mergeCell ref="Q142:Q143"/>
    <mergeCell ref="F121:G121"/>
    <mergeCell ref="F125:G125"/>
    <mergeCell ref="F135:G135"/>
    <mergeCell ref="F133:G133"/>
    <mergeCell ref="F132:G132"/>
    <mergeCell ref="P124:P125"/>
    <mergeCell ref="O128:O129"/>
    <mergeCell ref="Q120:Q121"/>
    <mergeCell ref="F139:G139"/>
    <mergeCell ref="Q146:Q147"/>
    <mergeCell ref="P136:P137"/>
    <mergeCell ref="P132:P133"/>
    <mergeCell ref="Q132:Q133"/>
    <mergeCell ref="Q136:Q137"/>
    <mergeCell ref="P146:P147"/>
    <mergeCell ref="P142:P143"/>
    <mergeCell ref="Q134:Q135"/>
    <mergeCell ref="Q144:Q145"/>
    <mergeCell ref="P134:P135"/>
    <mergeCell ref="D36:E36"/>
    <mergeCell ref="D82:E82"/>
    <mergeCell ref="F35:G35"/>
    <mergeCell ref="Q72:Q73"/>
    <mergeCell ref="Q40:Q41"/>
    <mergeCell ref="Q74:Q75"/>
    <mergeCell ref="F43:G43"/>
    <mergeCell ref="P50:P51"/>
    <mergeCell ref="P38:P39"/>
    <mergeCell ref="P52:P53"/>
    <mergeCell ref="U30:U31"/>
    <mergeCell ref="U80:U81"/>
    <mergeCell ref="Q80:Q81"/>
    <mergeCell ref="P80:P81"/>
    <mergeCell ref="P84:P85"/>
    <mergeCell ref="Q30:Q31"/>
    <mergeCell ref="P32:P33"/>
    <mergeCell ref="P42:P43"/>
    <mergeCell ref="Q44:Q45"/>
    <mergeCell ref="Q82:Q83"/>
    <mergeCell ref="P30:P31"/>
    <mergeCell ref="U82:U83"/>
    <mergeCell ref="U84:U85"/>
    <mergeCell ref="U90:U91"/>
    <mergeCell ref="F91:G91"/>
    <mergeCell ref="P90:P91"/>
    <mergeCell ref="Q38:Q39"/>
    <mergeCell ref="F89:G89"/>
    <mergeCell ref="Q36:Q37"/>
    <mergeCell ref="F39:G39"/>
    <mergeCell ref="U114:U115"/>
    <mergeCell ref="R128:R129"/>
    <mergeCell ref="Q122:Q123"/>
    <mergeCell ref="Q116:Q117"/>
    <mergeCell ref="Q118:Q119"/>
    <mergeCell ref="P114:P115"/>
    <mergeCell ref="Q68:Q69"/>
    <mergeCell ref="Q128:Q129"/>
    <mergeCell ref="U140:U141"/>
    <mergeCell ref="Q140:Q141"/>
    <mergeCell ref="P128:P129"/>
    <mergeCell ref="Q124:Q125"/>
    <mergeCell ref="R124:R125"/>
    <mergeCell ref="U136:U137"/>
    <mergeCell ref="Q130:Q131"/>
    <mergeCell ref="P72:P73"/>
    <mergeCell ref="Q50:Q51"/>
    <mergeCell ref="Q48:Q49"/>
    <mergeCell ref="F37:G37"/>
    <mergeCell ref="B82:B83"/>
    <mergeCell ref="B52:B53"/>
    <mergeCell ref="P56:P57"/>
    <mergeCell ref="P40:P41"/>
    <mergeCell ref="F49:G49"/>
    <mergeCell ref="D38:E38"/>
    <mergeCell ref="B58:B59"/>
    <mergeCell ref="F81:G81"/>
    <mergeCell ref="B106:B107"/>
    <mergeCell ref="P106:P107"/>
    <mergeCell ref="Q42:Q43"/>
    <mergeCell ref="Q46:Q47"/>
    <mergeCell ref="P46:P47"/>
    <mergeCell ref="P44:P45"/>
    <mergeCell ref="Q52:Q53"/>
    <mergeCell ref="P102:P103"/>
    <mergeCell ref="C48:C71"/>
    <mergeCell ref="D102:E102"/>
    <mergeCell ref="F99:G99"/>
    <mergeCell ref="P94:P95"/>
    <mergeCell ref="F107:G107"/>
    <mergeCell ref="D98:E98"/>
    <mergeCell ref="D106:E106"/>
    <mergeCell ref="P98:P99"/>
    <mergeCell ref="P74:P75"/>
    <mergeCell ref="Q102:Q103"/>
    <mergeCell ref="Q108:Q109"/>
    <mergeCell ref="P88:P89"/>
    <mergeCell ref="P96:P97"/>
    <mergeCell ref="P86:P87"/>
    <mergeCell ref="P82:P83"/>
    <mergeCell ref="A6:A71"/>
    <mergeCell ref="A72:A167"/>
    <mergeCell ref="B138:B139"/>
    <mergeCell ref="Q86:Q87"/>
    <mergeCell ref="P100:P101"/>
    <mergeCell ref="D108:E108"/>
    <mergeCell ref="B102:B103"/>
    <mergeCell ref="B100:B101"/>
    <mergeCell ref="F103:G103"/>
    <mergeCell ref="Q70:Q71"/>
  </mergeCells>
  <phoneticPr fontId="2"/>
  <printOptions horizontalCentered="1"/>
  <pageMargins left="0.23622047244094491" right="0.23622047244094491" top="0.15748031496062992" bottom="0.11811023622047245" header="0.31496062992125984" footer="0.11811023622047245"/>
  <pageSetup paperSize="9" scale="64" fitToHeight="0" orientation="landscape" r:id="rId1"/>
  <headerFooter alignWithMargins="0">
    <oddFooter>&amp;P / &amp;N ページ</oddFooter>
  </headerFooter>
  <rowBreaks count="3" manualBreakCount="3">
    <brk id="47" max="19" man="1"/>
    <brk id="89" max="19" man="1"/>
    <brk id="133" max="19" man="1"/>
  </rowBreaks>
  <colBreaks count="1" manualBreakCount="1">
    <brk id="19" max="167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有料老人ホーム(島根）</vt:lpstr>
      <vt:lpstr>'有料老人ホーム(島根）'!Print_Area</vt:lpstr>
      <vt:lpstr>'有料老人ホーム(島根）'!Print_Titles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</dc:creator>
  <cp:lastModifiedBy>Windows ユーザー</cp:lastModifiedBy>
  <cp:lastPrinted>2019-06-18T06:57:56Z</cp:lastPrinted>
  <dcterms:created xsi:type="dcterms:W3CDTF">2004-11-04T00:56:21Z</dcterms:created>
  <dcterms:modified xsi:type="dcterms:W3CDTF">2019-08-21T05:14:01Z</dcterms:modified>
</cp:coreProperties>
</file>